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令和５年度フォルダ\衛生指導係\オープンデータ\R5\R6.3公開\"/>
    </mc:Choice>
  </mc:AlternateContent>
  <bookViews>
    <workbookView xWindow="0" yWindow="0" windowWidth="24615" windowHeight="11655"/>
  </bookViews>
  <sheets>
    <sheet name="美容所" sheetId="8" r:id="rId1"/>
  </sheets>
  <definedNames>
    <definedName name="_xlnm._FilterDatabase" localSheetId="0" hidden="1">美容所!$A$1:$H$1048</definedName>
    <definedName name="クリーニング台帳一覧">#REF!</definedName>
    <definedName name="美容所台帳一覧">#REF!</definedName>
  </definedNames>
  <calcPr calcId="162913"/>
</workbook>
</file>

<file path=xl/sharedStrings.xml><?xml version="1.0" encoding="utf-8"?>
<sst xmlns="http://schemas.openxmlformats.org/spreadsheetml/2006/main" count="3192" uniqueCount="3043">
  <si>
    <t>富山市大手町４－２２</t>
  </si>
  <si>
    <t>0547</t>
  </si>
  <si>
    <t>0147</t>
  </si>
  <si>
    <t>富山県富山市今泉１３４－１</t>
  </si>
  <si>
    <t>0707</t>
  </si>
  <si>
    <t>富山市花園町３－７－１７</t>
  </si>
  <si>
    <t>ｔｏｕｔ　ｂｌａｎｃ</t>
  </si>
  <si>
    <t>富山市北代４３２９－１</t>
  </si>
  <si>
    <t>0070</t>
  </si>
  <si>
    <t>Ｖｉｖａｃｅ（ヴィヴァーチェ）</t>
  </si>
  <si>
    <t>富山市中間島１ー６０</t>
  </si>
  <si>
    <t>0132</t>
  </si>
  <si>
    <t>0041</t>
  </si>
  <si>
    <t>アースカラ</t>
  </si>
  <si>
    <t>富山市城川原２－２－１</t>
  </si>
  <si>
    <t>0125</t>
  </si>
  <si>
    <t>アート・ノワール</t>
  </si>
  <si>
    <t>0003</t>
  </si>
  <si>
    <t>アート美容院</t>
  </si>
  <si>
    <t>富山市蓮町４丁目４ー１０</t>
  </si>
  <si>
    <t>0155</t>
  </si>
  <si>
    <t>0589</t>
  </si>
  <si>
    <t>アーベン　富山店</t>
  </si>
  <si>
    <t>富山市茶屋町字中ノ間６０１－１，６０８</t>
  </si>
  <si>
    <t>大阪府八尾市安中町２－１－２９</t>
  </si>
  <si>
    <t>0222</t>
  </si>
  <si>
    <t>富山市堀川町３８２ー８</t>
  </si>
  <si>
    <t>アヴァンセサニー美容室</t>
  </si>
  <si>
    <t>富山市大町２６３ー６</t>
  </si>
  <si>
    <t>0126</t>
  </si>
  <si>
    <t>あさひ美容室</t>
  </si>
  <si>
    <t>富山市長江本町１５－３０</t>
  </si>
  <si>
    <t>0090</t>
  </si>
  <si>
    <t>0495</t>
  </si>
  <si>
    <t>あづま美容院</t>
  </si>
  <si>
    <t>富山市水橋新大町５２７</t>
  </si>
  <si>
    <t>0046</t>
  </si>
  <si>
    <t>0719</t>
  </si>
  <si>
    <t>あとりえ遊</t>
  </si>
  <si>
    <t>富山市太郎丸本町４丁目３番２号</t>
  </si>
  <si>
    <t>アムール美容室</t>
  </si>
  <si>
    <t>富山市西大泉１ー１２</t>
  </si>
  <si>
    <t>アリーナヘア</t>
  </si>
  <si>
    <t>アリエス　美容室</t>
  </si>
  <si>
    <t>富山市太郎丸５４－１</t>
  </si>
  <si>
    <t>0184</t>
  </si>
  <si>
    <t>アロージュヘアー</t>
  </si>
  <si>
    <t>富山市四ツ葉町２２ー２３</t>
  </si>
  <si>
    <t>イシクロ美容室</t>
  </si>
  <si>
    <t>富山市野口９４８ー３</t>
  </si>
  <si>
    <t>イシタニ美容室</t>
  </si>
  <si>
    <t>富山市鍋田２４－４７</t>
  </si>
  <si>
    <t>0135</t>
  </si>
  <si>
    <t>サニー美容室</t>
  </si>
  <si>
    <t>富山市大町２２０ー８</t>
  </si>
  <si>
    <t>0324</t>
  </si>
  <si>
    <t>サロン・ド・ベール松永</t>
  </si>
  <si>
    <t>富山市粟島町３ー１３ー４５</t>
  </si>
  <si>
    <t>サロン・ド喜来</t>
  </si>
  <si>
    <t>富山市中田１－５－２０　ショッピングセンター「ルミネス」</t>
  </si>
  <si>
    <t>ジュネス美容室</t>
  </si>
  <si>
    <t>富山市五福６区１６４３</t>
  </si>
  <si>
    <t>サロンド・エッフェル</t>
  </si>
  <si>
    <t>サロンド・ボーテ・クニヨ</t>
  </si>
  <si>
    <t>富山市太田口通り２－１－１０</t>
  </si>
  <si>
    <t>0043</t>
  </si>
  <si>
    <t>富山県富山市下新北町３－３２</t>
  </si>
  <si>
    <t>富山市永楽町６－１２</t>
  </si>
  <si>
    <t>ビューティプラザはまざき森店</t>
  </si>
  <si>
    <t>富山市高畠町２－１２－４３</t>
  </si>
  <si>
    <t>富山市森３－２－１１</t>
  </si>
  <si>
    <t>ビューティルームえつこ</t>
  </si>
  <si>
    <t>富山市綾田町１ー１７ー５</t>
  </si>
  <si>
    <t>ビューティ花季節</t>
  </si>
  <si>
    <t>富山市金泉寺４００ー２</t>
  </si>
  <si>
    <t>ビューティ松本</t>
  </si>
  <si>
    <t>富山市一番町６ー１４</t>
  </si>
  <si>
    <t>ビューティ川村</t>
  </si>
  <si>
    <t>富山市長江６区７５７ー５</t>
  </si>
  <si>
    <t>0521</t>
  </si>
  <si>
    <t>びようしつエマ</t>
  </si>
  <si>
    <t>富山市犬島５ー７ー４０</t>
  </si>
  <si>
    <t>0021</t>
  </si>
  <si>
    <t>ヒラノ美容室</t>
  </si>
  <si>
    <t>富山市北代新２３８</t>
  </si>
  <si>
    <t>0583</t>
  </si>
  <si>
    <t>ヒロミ美容室</t>
  </si>
  <si>
    <t>富山市岩瀬表町２２－１</t>
  </si>
  <si>
    <t>ヒロ美容室</t>
  </si>
  <si>
    <t>富山県富山市布瀬町２－３－１２</t>
  </si>
  <si>
    <t>ひろ美容室</t>
  </si>
  <si>
    <t>女川美容院　本店</t>
  </si>
  <si>
    <t>富山市常盤町１－１３</t>
  </si>
  <si>
    <t>富山県富山市常盤町１－１３</t>
  </si>
  <si>
    <t>小山美容室</t>
  </si>
  <si>
    <t>富山市奥田本町４ー３１</t>
  </si>
  <si>
    <t>松井美容院</t>
  </si>
  <si>
    <t>松永美容室</t>
  </si>
  <si>
    <t>富山市東町３ー５ー４</t>
  </si>
  <si>
    <t>0336</t>
  </si>
  <si>
    <t>松村美容院</t>
  </si>
  <si>
    <t>富山市越前町４ー１６</t>
  </si>
  <si>
    <t>城ケ丘美容室</t>
  </si>
  <si>
    <t>富山市城若町７３７ー２</t>
  </si>
  <si>
    <t>0415</t>
  </si>
  <si>
    <t>常川美容院</t>
  </si>
  <si>
    <t>富山市水橋舘町４１２</t>
  </si>
  <si>
    <t>神戸美容室</t>
  </si>
  <si>
    <t>富山市丸の内２ー２ー５</t>
  </si>
  <si>
    <t>富山県富山市丸の内２－２－５</t>
  </si>
  <si>
    <t>ビューティーサロン　水草</t>
  </si>
  <si>
    <t>富山市水橋伊勢屋６７６</t>
  </si>
  <si>
    <t>清水美容院</t>
  </si>
  <si>
    <t>富山市清水町２ー２ー２５</t>
  </si>
  <si>
    <t>清水美容室</t>
  </si>
  <si>
    <t>富山市開６２８</t>
  </si>
  <si>
    <t>0062</t>
  </si>
  <si>
    <t>石井美容室</t>
  </si>
  <si>
    <t>富山市赤田５３－３</t>
  </si>
  <si>
    <t>0543</t>
  </si>
  <si>
    <t>0036</t>
  </si>
  <si>
    <t>赤松美容室</t>
  </si>
  <si>
    <t>千秋美容室</t>
  </si>
  <si>
    <t>0551</t>
  </si>
  <si>
    <t>千代美容室</t>
  </si>
  <si>
    <t>富山市梅沢町１ー７ー２１</t>
  </si>
  <si>
    <t>総合美容室クボタ</t>
  </si>
  <si>
    <t>富山市堤町通り２ー７ー７</t>
  </si>
  <si>
    <t>0011</t>
  </si>
  <si>
    <t>0530</t>
  </si>
  <si>
    <t>大阪美容室</t>
  </si>
  <si>
    <t>富山市岩瀬新町５９７</t>
  </si>
  <si>
    <t>竹田美容室</t>
  </si>
  <si>
    <t>富山市豊田本町２ー８ー４</t>
  </si>
  <si>
    <t>中山美容室</t>
  </si>
  <si>
    <t>富山市藤木新町６０－６</t>
  </si>
  <si>
    <t>0624</t>
  </si>
  <si>
    <t>0493</t>
  </si>
  <si>
    <t>長治美容室</t>
  </si>
  <si>
    <t>富山市水橋辻ケ堂１２０－１９</t>
  </si>
  <si>
    <t>長谷川美容室</t>
  </si>
  <si>
    <t>富山市水橋明治町１０７</t>
  </si>
  <si>
    <t>0810</t>
  </si>
  <si>
    <t>0376</t>
  </si>
  <si>
    <t>田村美容室</t>
  </si>
  <si>
    <t>0384</t>
  </si>
  <si>
    <t>田中美容院</t>
  </si>
  <si>
    <t>富山市新富町１ー３ー１６</t>
  </si>
  <si>
    <t>富山市新富町１－３－１６</t>
  </si>
  <si>
    <t>（有）Ｈａｉｒ　Ｂｌｅｓｓ</t>
  </si>
  <si>
    <t>富山市呉羽町７３４５</t>
  </si>
  <si>
    <t>富山県富山市呉羽町７３４５</t>
  </si>
  <si>
    <t>0097</t>
  </si>
  <si>
    <t>（有）サニー美容室　ＡＮＥＸ　グリーンモール店</t>
  </si>
  <si>
    <t>富山市山室２２６－２</t>
  </si>
  <si>
    <t>富山市大町２６３－６</t>
  </si>
  <si>
    <t>0143</t>
  </si>
  <si>
    <t>富山市奥田双葉町１２ー１４</t>
  </si>
  <si>
    <t>ＢｅａｕｔｙＨａｕｓｅゆみ</t>
  </si>
  <si>
    <t>富山市富岡町１９１</t>
  </si>
  <si>
    <t>ＢＬＯＷ　ＵＰ</t>
  </si>
  <si>
    <t>0721</t>
  </si>
  <si>
    <t>Ｃｏｉｆｆｕｒｅ浅衣</t>
  </si>
  <si>
    <t>富山市総曲輪４ー６ー８</t>
  </si>
  <si>
    <t>ＤＥＣＯＲ（デコール）</t>
  </si>
  <si>
    <t>富山市文京町２丁目９ー５</t>
  </si>
  <si>
    <t>0154</t>
  </si>
  <si>
    <t>Ｄ－R(ディール）</t>
  </si>
  <si>
    <t>富山市堀川町７１</t>
  </si>
  <si>
    <t>富山県富山市奥田双葉町１２－１４</t>
  </si>
  <si>
    <t>0027</t>
  </si>
  <si>
    <t>ＨＡＩＲ　Ｌｉｌｉｅｓ</t>
  </si>
  <si>
    <t>富山市山室５－１</t>
  </si>
  <si>
    <t>0100</t>
  </si>
  <si>
    <t>Ｈａｉｒ　Ｍａｋｅ　ｆｒａｉｓｅ</t>
  </si>
  <si>
    <t>富山市町村１－１</t>
  </si>
  <si>
    <t>0185</t>
  </si>
  <si>
    <t>ｈａｉｒ　ＭＩＵ（ヘアーミュウ）</t>
  </si>
  <si>
    <t>富山市水橋伊勢屋１３１</t>
  </si>
  <si>
    <t>0082</t>
  </si>
  <si>
    <t>Hair Salon　ＣＬＯＶＥＲ</t>
  </si>
  <si>
    <t>富山市呉羽冨田町１６４ー５</t>
  </si>
  <si>
    <t>ＨＡＩＲ　ＳＮＵＧ</t>
  </si>
  <si>
    <t>HAIR STUDIO ＣＯＯ　（ヘアスタジオ　クー）</t>
  </si>
  <si>
    <t>富山市下堀５０ー１</t>
  </si>
  <si>
    <t>0117</t>
  </si>
  <si>
    <t>ＨＡＩＲ　ＳＴＵＤＩＯ　Ｐｉｃｋ・ｕｐ</t>
  </si>
  <si>
    <t>富山市町村２－２</t>
  </si>
  <si>
    <t>0216</t>
  </si>
  <si>
    <t>富山市中川原新町６５</t>
  </si>
  <si>
    <t>Ｌａ　Ｐａｃｅ　ラ・パーチェ</t>
  </si>
  <si>
    <t>富山市経堂３－２１１</t>
  </si>
  <si>
    <t>0169</t>
  </si>
  <si>
    <t>Le-REPOS LESEACE</t>
  </si>
  <si>
    <t>富山市小泉町中部４２</t>
  </si>
  <si>
    <t>0568</t>
  </si>
  <si>
    <t>0093</t>
  </si>
  <si>
    <t>富山市千石町１－２－１７</t>
  </si>
  <si>
    <t>ｎｉｐｓ　ｎｉｐ（ニップスニップ）</t>
  </si>
  <si>
    <t>富山市新園町１１９－３</t>
  </si>
  <si>
    <t>0056</t>
  </si>
  <si>
    <t>富山県高岡市姫野３００－１</t>
  </si>
  <si>
    <t>ＰＡ，ＺＡ，ＰＡ　五福店</t>
  </si>
  <si>
    <t>富山市五福字中陳１３６４－１</t>
  </si>
  <si>
    <t>0210</t>
  </si>
  <si>
    <t>ＰＲｅｅｎ</t>
  </si>
  <si>
    <t>富山市豊川町５ー７</t>
  </si>
  <si>
    <t>0131</t>
  </si>
  <si>
    <t>Professional Hair Salon ＳＥＫＩＧＵＣＨＩ</t>
  </si>
  <si>
    <t>富山市大手町２－３　富山全日空ホテル２Ｆ</t>
  </si>
  <si>
    <t>富山県富山市西中野町２－２－１３</t>
  </si>
  <si>
    <t>0096</t>
  </si>
  <si>
    <t>いなば美容室</t>
  </si>
  <si>
    <t>富山市上飯野新町２ー２２</t>
  </si>
  <si>
    <t>イナホ美容室</t>
  </si>
  <si>
    <t>富山市永楽町１６ー５</t>
  </si>
  <si>
    <t>インペリアルウィング富山迎賓館</t>
  </si>
  <si>
    <t>富山市友杉３９０</t>
  </si>
  <si>
    <t>兵庫県西宮市津門川町１－１</t>
  </si>
  <si>
    <t>ヴィオラ</t>
  </si>
  <si>
    <t>富山市大町３－１６</t>
  </si>
  <si>
    <t>0049</t>
  </si>
  <si>
    <t>ヴーレーヴー</t>
  </si>
  <si>
    <t>富山市二口町３－７－７</t>
  </si>
  <si>
    <t>0532</t>
  </si>
  <si>
    <t>0203</t>
  </si>
  <si>
    <t>ウェイヴィーしきだ</t>
  </si>
  <si>
    <t>富山市布瀬町南２－８－１</t>
  </si>
  <si>
    <t>富山市長柄町３ー１ー２</t>
  </si>
  <si>
    <t>うえの美容院</t>
  </si>
  <si>
    <t>エイト美容室</t>
  </si>
  <si>
    <t>富山市中島３ー５ー４３</t>
  </si>
  <si>
    <t>0804</t>
  </si>
  <si>
    <t>0469</t>
  </si>
  <si>
    <t>エリカ美容室</t>
  </si>
  <si>
    <t>富山市駒見３７２ー４８</t>
  </si>
  <si>
    <t>0593</t>
  </si>
  <si>
    <t>おかざわ美容室</t>
  </si>
  <si>
    <t>富山市呉羽本町２９６１</t>
  </si>
  <si>
    <t>0020</t>
  </si>
  <si>
    <t>カット＆パーマ　ビーミング</t>
  </si>
  <si>
    <t>富山市赤田４９ー１</t>
  </si>
  <si>
    <t>カット．イン．タカシマ</t>
  </si>
  <si>
    <t>富山市田刈屋新町１３７</t>
  </si>
  <si>
    <t>富山市経堂４－１－６</t>
  </si>
  <si>
    <t>カットハウスなかだ</t>
  </si>
  <si>
    <t>富山市山王町４ー５０</t>
  </si>
  <si>
    <t>カットハウス美人</t>
  </si>
  <si>
    <t>富山市堀２５７</t>
  </si>
  <si>
    <t>かをる美容室</t>
  </si>
  <si>
    <t>富山県富山市中央通り１－２－７</t>
  </si>
  <si>
    <t>富山市中央通り１－２－７</t>
  </si>
  <si>
    <t>きくら美容室　アクア・モ－ル</t>
  </si>
  <si>
    <t>富山市上冨居３１０－１</t>
  </si>
  <si>
    <t>0079</t>
  </si>
  <si>
    <t>きくら美容室　アピア店</t>
  </si>
  <si>
    <t>富山市稲荷元町２ー１１ー１　ショッピングセンターアピア内</t>
  </si>
  <si>
    <t>きくら美容室　らん山室店</t>
  </si>
  <si>
    <t>富山市山室１８５ー１</t>
  </si>
  <si>
    <t>きく美容室</t>
  </si>
  <si>
    <t>富山市久方町７－１３</t>
  </si>
  <si>
    <t>キミ美容院</t>
  </si>
  <si>
    <t>富山市白銀町１ー１５</t>
  </si>
  <si>
    <t>0105</t>
  </si>
  <si>
    <t>キレイ美容室</t>
  </si>
  <si>
    <t>富山市高園町１９ー３１</t>
  </si>
  <si>
    <t>0506</t>
  </si>
  <si>
    <t>くまの美容室</t>
  </si>
  <si>
    <t>富山市吉岡４１３</t>
  </si>
  <si>
    <t>0023</t>
  </si>
  <si>
    <t>グランバングス</t>
  </si>
  <si>
    <t>富山市掛尾町４３ー１</t>
  </si>
  <si>
    <t>クリエイション</t>
  </si>
  <si>
    <t>富山市鹿島町１ー６ー７</t>
  </si>
  <si>
    <t>グロッシィヘア　レディ・ゴー</t>
  </si>
  <si>
    <t>富山市呉羽町３０２５ー４</t>
  </si>
  <si>
    <t>0072</t>
  </si>
  <si>
    <t>ゲロン美容室</t>
  </si>
  <si>
    <t>富山市高屋敷８４５</t>
  </si>
  <si>
    <t>こだま美容室</t>
  </si>
  <si>
    <t>富山市弥生町１ー７ー１１</t>
  </si>
  <si>
    <t>ゴフク美容室</t>
  </si>
  <si>
    <t>富山市五福２区５２１２</t>
  </si>
  <si>
    <t>0001</t>
  </si>
  <si>
    <t>0180</t>
  </si>
  <si>
    <t>さつき美容室</t>
  </si>
  <si>
    <t>0127</t>
  </si>
  <si>
    <t>サロンドＹＯＫＯ</t>
  </si>
  <si>
    <t>富山市山室荒屋新町１０－１</t>
  </si>
  <si>
    <t>0061</t>
  </si>
  <si>
    <t>サワダ美容室</t>
  </si>
  <si>
    <t>富山市五福４５１１ー１</t>
  </si>
  <si>
    <t>さわ美容室</t>
  </si>
  <si>
    <t>富山市寺町１１３６</t>
  </si>
  <si>
    <t>0526</t>
  </si>
  <si>
    <t>富山市一番町３－２２</t>
  </si>
  <si>
    <t>シスター美容室</t>
  </si>
  <si>
    <t>富山市水橋辻ケ堂８３２－７</t>
  </si>
  <si>
    <t>ヘアー　イズム・アンズー</t>
  </si>
  <si>
    <t>富山市新庄町３－７－２９</t>
  </si>
  <si>
    <t>ＳＳビル１Ｆ</t>
  </si>
  <si>
    <t>0198</t>
  </si>
  <si>
    <t>富山市五福１１４３－１</t>
  </si>
  <si>
    <t>0772</t>
  </si>
  <si>
    <t>しまだ美容室</t>
  </si>
  <si>
    <t>富山市大泉本町１ー１１ー２１</t>
  </si>
  <si>
    <t>0560</t>
  </si>
  <si>
    <t>すぎもり美容室</t>
  </si>
  <si>
    <t>0394</t>
  </si>
  <si>
    <t>0460</t>
  </si>
  <si>
    <t>スミ美容院</t>
  </si>
  <si>
    <t>富山市大泉北町９ー２１</t>
  </si>
  <si>
    <t>すみ美容室</t>
  </si>
  <si>
    <t>富山市呉羽本町６９８７</t>
  </si>
  <si>
    <t>スワン美容室</t>
  </si>
  <si>
    <t>富山市総曲輪４ー３ー６</t>
  </si>
  <si>
    <t>セーラ美容室</t>
  </si>
  <si>
    <t>富山市蜷川２３８ー１</t>
  </si>
  <si>
    <t>そーう美容室荏原駅前店</t>
  </si>
  <si>
    <t>富山市荏原２３６</t>
  </si>
  <si>
    <t>富山県富山市大泉本町２丁目３－１４</t>
  </si>
  <si>
    <t>0058</t>
  </si>
  <si>
    <t>そーう美容室南富山店</t>
  </si>
  <si>
    <t>富山市大泉本町２－３－１４</t>
  </si>
  <si>
    <t>0606</t>
  </si>
  <si>
    <t>0537</t>
  </si>
  <si>
    <t>チェリー美容室</t>
  </si>
  <si>
    <t>富山市星井町３－４－１９</t>
  </si>
  <si>
    <t>0743</t>
  </si>
  <si>
    <t>0523</t>
  </si>
  <si>
    <t>チャームストア奈里美の店</t>
  </si>
  <si>
    <t>富山市布瀬町１ー６ー１６</t>
  </si>
  <si>
    <t>ヂャンヌ美容室</t>
  </si>
  <si>
    <t>つじかど美容院</t>
  </si>
  <si>
    <t>富山市水橋辻ケ堂２５２９</t>
  </si>
  <si>
    <t>0727</t>
  </si>
  <si>
    <t>ツチダ美容院</t>
  </si>
  <si>
    <t>富山市東石金町３－１１</t>
  </si>
  <si>
    <t>0517</t>
  </si>
  <si>
    <t>美容室デジール</t>
  </si>
  <si>
    <t>富山市銀嶺町８－２８</t>
  </si>
  <si>
    <t>ときだ</t>
  </si>
  <si>
    <t>富山市中島３－４－１３</t>
  </si>
  <si>
    <t>0581</t>
  </si>
  <si>
    <t>0511</t>
  </si>
  <si>
    <t>としみ美容室</t>
  </si>
  <si>
    <t>富山市田中町４ー１３ー３３</t>
  </si>
  <si>
    <t>トチタニ美容室</t>
  </si>
  <si>
    <t>ナカジマ美容室</t>
  </si>
  <si>
    <t>富山市千歳町２ー１２ー１９</t>
  </si>
  <si>
    <t>0601</t>
  </si>
  <si>
    <t>ハーブサロン　指甲花美容室</t>
  </si>
  <si>
    <t>富山市大町西部２７３－１</t>
  </si>
  <si>
    <t>0219</t>
  </si>
  <si>
    <t>ぱあまやさ　さかざわ</t>
  </si>
  <si>
    <t>富山市大町１１１－１</t>
  </si>
  <si>
    <t>0191</t>
  </si>
  <si>
    <t>ぱーまやさんマコ</t>
  </si>
  <si>
    <t>富山市呉羽丸冨町７１７９ー２２</t>
  </si>
  <si>
    <t>0483</t>
  </si>
  <si>
    <t>はせがわ美容室</t>
  </si>
  <si>
    <t>富山市中川原１８３ー３</t>
  </si>
  <si>
    <t>ハッピ美容院</t>
  </si>
  <si>
    <t>富山市荒川常盤台１２－１２</t>
  </si>
  <si>
    <t>0525</t>
  </si>
  <si>
    <t>富山市豊田町１－１２－２３</t>
  </si>
  <si>
    <t>ピース美容室</t>
  </si>
  <si>
    <t>富山市西長江本町４－１</t>
  </si>
  <si>
    <t>0048</t>
  </si>
  <si>
    <t>ひかり美容院</t>
  </si>
  <si>
    <t>富山市新庄新町５８</t>
  </si>
  <si>
    <t>0556</t>
  </si>
  <si>
    <t>ひかり美容室</t>
  </si>
  <si>
    <t>富山市岩瀬大町１４２</t>
  </si>
  <si>
    <t>ピュア　ヘアー　ファクトリィ</t>
  </si>
  <si>
    <t>富山市田中町３－１－１２</t>
  </si>
  <si>
    <t>0714</t>
  </si>
  <si>
    <t>0206</t>
  </si>
  <si>
    <t>0087</t>
  </si>
  <si>
    <t>ビューティ　アリス</t>
  </si>
  <si>
    <t>富山市長江東町１－３－３８</t>
  </si>
  <si>
    <t>ビューティサロン　レディ</t>
  </si>
  <si>
    <t>富山市針原中町２８７－１１</t>
  </si>
  <si>
    <t>0202</t>
  </si>
  <si>
    <t>ビューティサロン　知枝</t>
  </si>
  <si>
    <t>富山市安野屋町２ー２ー１７</t>
  </si>
  <si>
    <t>美容室モア</t>
  </si>
  <si>
    <t>富山市山室２ー１２１</t>
  </si>
  <si>
    <t>美容室モガ</t>
  </si>
  <si>
    <t>富山市本郷町３区４４ー２４</t>
  </si>
  <si>
    <t>美容室ヤマザキ</t>
  </si>
  <si>
    <t>美容室やまびこ</t>
  </si>
  <si>
    <t>富山市四方西野割３５２－３</t>
  </si>
  <si>
    <t>0089</t>
  </si>
  <si>
    <t>美容室ヤマモト</t>
  </si>
  <si>
    <t>富山市奥田寿町１３ー２１</t>
  </si>
  <si>
    <t>美容室ラン</t>
  </si>
  <si>
    <t>富山市五番町６ー２　光ハイツ１Ｆ</t>
  </si>
  <si>
    <t>0605</t>
  </si>
  <si>
    <t>美容室レイヴ</t>
  </si>
  <si>
    <t>富山市牛島町１８ー７アーバンプレイス１Ｆ</t>
  </si>
  <si>
    <t>0009</t>
  </si>
  <si>
    <t>美容室わだい</t>
  </si>
  <si>
    <t>富山市北代３８００－１２</t>
  </si>
  <si>
    <t>0044</t>
  </si>
  <si>
    <t>美容室樹里</t>
  </si>
  <si>
    <t>富山市町村２７ー１１</t>
  </si>
  <si>
    <t>0053</t>
  </si>
  <si>
    <t>富山第一ホテル美容室オンナガワ</t>
  </si>
  <si>
    <t>富山市桜木町１０ー１０</t>
  </si>
  <si>
    <t>0416</t>
  </si>
  <si>
    <t>布村美容室</t>
  </si>
  <si>
    <t>富山市柳町４ー２ー２</t>
  </si>
  <si>
    <t>0151</t>
  </si>
  <si>
    <t>ビューティサロン・いがらし</t>
  </si>
  <si>
    <t>富山市経堂１－１６２－２</t>
  </si>
  <si>
    <t>0214</t>
  </si>
  <si>
    <t>ビューティサロン・クローバ</t>
  </si>
  <si>
    <t>富山市草島２１５－３</t>
  </si>
  <si>
    <t>ビューティサロン・シマダ</t>
  </si>
  <si>
    <t>富山市掛尾町５１７</t>
  </si>
  <si>
    <t>ビューティサロンいとう</t>
  </si>
  <si>
    <t>富山市横内５３８</t>
  </si>
  <si>
    <t>ビューティサロンエツコ</t>
  </si>
  <si>
    <t>富山市北代３区３６７８ー３</t>
  </si>
  <si>
    <t>ビューティサロンかねだ</t>
  </si>
  <si>
    <t>富山市布目緑町２３９３－７</t>
  </si>
  <si>
    <t>0698</t>
  </si>
  <si>
    <t>ビューティサロンくにみ</t>
  </si>
  <si>
    <t>富山市旭町８ー１２</t>
  </si>
  <si>
    <t>富山市中川原７８－１６８</t>
  </si>
  <si>
    <t>ビューティサロンサワダ</t>
  </si>
  <si>
    <t>富山市若竹町２ー１２９</t>
  </si>
  <si>
    <t>ビューティサロンシバタ</t>
  </si>
  <si>
    <t>富山市水橋的場２２６</t>
  </si>
  <si>
    <t>富山市上堀町５４－６</t>
  </si>
  <si>
    <t>ビューティサロンジュン</t>
  </si>
  <si>
    <t>富山市晴海台５－１５</t>
  </si>
  <si>
    <t>富山市水橋中村町４７－７</t>
  </si>
  <si>
    <t>0008</t>
  </si>
  <si>
    <t>ビューティサロンすぎむら美容室</t>
  </si>
  <si>
    <t>富山市石金１ー４ー２２</t>
  </si>
  <si>
    <t>ビューティサロンスズキ</t>
  </si>
  <si>
    <t>富山市森３－８－１０</t>
  </si>
  <si>
    <t>ビューティサロンのむら</t>
  </si>
  <si>
    <t>富山市清水町６ー５ー２１</t>
  </si>
  <si>
    <t>ビューティサロンパール</t>
  </si>
  <si>
    <t>富山市草島１７６－１</t>
  </si>
  <si>
    <t>ビューテイサロンはやし</t>
  </si>
  <si>
    <t>富山市公文名１</t>
  </si>
  <si>
    <t>ビューティサロンひとみ</t>
  </si>
  <si>
    <t>富山市辰巳町２ー１ー７</t>
  </si>
  <si>
    <t>0549</t>
  </si>
  <si>
    <t>ビューティサロンまき</t>
  </si>
  <si>
    <t>富山市藤木中町１７１２</t>
  </si>
  <si>
    <t>0555</t>
  </si>
  <si>
    <t>ビューティサロンまちこ</t>
  </si>
  <si>
    <t>富山市粟島町１ー２３ー２３</t>
  </si>
  <si>
    <t>ビューティサロンミキ</t>
  </si>
  <si>
    <t>富山市雄山町２ー２５</t>
  </si>
  <si>
    <t>0574</t>
  </si>
  <si>
    <t>ビューティサロンみよこ</t>
  </si>
  <si>
    <t>富山市城北町１２－２</t>
  </si>
  <si>
    <t>ビューティサロンユリカ</t>
  </si>
  <si>
    <t>富山市旭町２ー２４</t>
  </si>
  <si>
    <t>ビューティサロンヨシノ</t>
  </si>
  <si>
    <t>富山市月岡東緑町１ー９３</t>
  </si>
  <si>
    <t>ビューティサロンよしむら</t>
  </si>
  <si>
    <t>富山市西中野本町９ー８</t>
  </si>
  <si>
    <t>ビューティサロン愛</t>
  </si>
  <si>
    <t>富山市本郷町１区２ー４７</t>
  </si>
  <si>
    <t>富山市安田町７ー７</t>
  </si>
  <si>
    <t>ビューティサロン英予（ハナヨ）　　（施設なし）</t>
  </si>
  <si>
    <t>富山市中川原３２ー２</t>
  </si>
  <si>
    <t>富山市海岸通新町２２７</t>
  </si>
  <si>
    <t>ビューティサロン恵美子</t>
  </si>
  <si>
    <t>富山市朝菜町３ー８０４</t>
  </si>
  <si>
    <t>ビューティサロン古志</t>
  </si>
  <si>
    <t>富山市岩瀬天神町１７０－５０</t>
  </si>
  <si>
    <t>ビューティサロン幸</t>
  </si>
  <si>
    <t>富山市開発１８６</t>
  </si>
  <si>
    <t>ビューティサロン青山</t>
  </si>
  <si>
    <t>富山市小杉９２６</t>
  </si>
  <si>
    <t>ビューティサロン豊若</t>
  </si>
  <si>
    <t>富山市豊若町１ー１３ー１４</t>
  </si>
  <si>
    <t>ビューティスタジオ髪遊</t>
  </si>
  <si>
    <t>ビューティスポットやなぎだ中川原店</t>
  </si>
  <si>
    <t>富山市中川原新町７８ー１５３</t>
  </si>
  <si>
    <t>富山県富山市中川原新町７８－１５３</t>
  </si>
  <si>
    <t>ビューティスポット淳</t>
  </si>
  <si>
    <t>富山市大泉北町１０ー５</t>
  </si>
  <si>
    <t>0141</t>
  </si>
  <si>
    <t>ふたば美容室</t>
  </si>
  <si>
    <t>富山市米田町２－８－１５</t>
  </si>
  <si>
    <t>プチ美容室ＴＥＲＡ</t>
  </si>
  <si>
    <t>富山市高園町１９－２８</t>
  </si>
  <si>
    <t>フリーポート美容室</t>
  </si>
  <si>
    <t>富山市石金２－４－１</t>
  </si>
  <si>
    <t>ヘア　アンドボディラボ　オアシス</t>
  </si>
  <si>
    <t>富山市堀川町３３８</t>
  </si>
  <si>
    <t>富山県富山市太田口通り１－４－１０</t>
  </si>
  <si>
    <t>0052</t>
  </si>
  <si>
    <t>0812</t>
  </si>
  <si>
    <t>0813</t>
  </si>
  <si>
    <t>ヘア　リメイク　アレグレ</t>
  </si>
  <si>
    <t>富山市中田町２－１２－３</t>
  </si>
  <si>
    <t>0194</t>
  </si>
  <si>
    <t>ヘア．アンド　フェイスサロン　マサミ</t>
  </si>
  <si>
    <t>富山市西田地方町１ー６ー１２</t>
  </si>
  <si>
    <t>富山市大泉東町２－１９－２</t>
  </si>
  <si>
    <t>0741</t>
  </si>
  <si>
    <t>ヘアーｔｏメイク美容室ミナモト</t>
  </si>
  <si>
    <t>富山市掛尾町６１６</t>
  </si>
  <si>
    <t>ヘアーインフォーメーションアキ</t>
  </si>
  <si>
    <t>富山市金代３９１</t>
  </si>
  <si>
    <t>ヘアークラフトおおの美容室</t>
  </si>
  <si>
    <t>富山市中川原３２－２</t>
  </si>
  <si>
    <t>0050</t>
  </si>
  <si>
    <t>ヘアーショップ　ジム</t>
  </si>
  <si>
    <t>ヘアースタジオビーム</t>
  </si>
  <si>
    <t>ヘアースペース　マーク</t>
  </si>
  <si>
    <t>富山市藤木１８２３</t>
  </si>
  <si>
    <t>0629</t>
  </si>
  <si>
    <t>ヘアータッチ　ズーム</t>
  </si>
  <si>
    <t>富山市磯部町２ー６ー４</t>
  </si>
  <si>
    <t>富山市天正寺１０９８</t>
  </si>
  <si>
    <t>ヘアーファッション　ベレーサ</t>
  </si>
  <si>
    <t>富山市上野寿町１３ー６</t>
  </si>
  <si>
    <t>ヘアーブティック　ワン</t>
  </si>
  <si>
    <t>ヘアーブティックかわぐち</t>
  </si>
  <si>
    <t>富山市高屋敷６３１ー６</t>
  </si>
  <si>
    <t>ヘアーメイク・リンク</t>
  </si>
  <si>
    <t>富山市中島２－８－３２</t>
  </si>
  <si>
    <t>ヘアーラヴァブルポテト</t>
  </si>
  <si>
    <t>富山市草島２３５ー１０３</t>
  </si>
  <si>
    <t>0129</t>
  </si>
  <si>
    <t>ヘアールーム　トピック</t>
  </si>
  <si>
    <t>富山市米田町１ー８ー３２</t>
  </si>
  <si>
    <t>0464</t>
  </si>
  <si>
    <t>0063</t>
  </si>
  <si>
    <t>ヘアーワークス　トライアングル</t>
  </si>
  <si>
    <t>富山市古沢２９６</t>
  </si>
  <si>
    <t>ヘア－サロン　Ｓｅｒｒａ</t>
  </si>
  <si>
    <t>富山市大町南台２２－１４</t>
  </si>
  <si>
    <t>0071</t>
  </si>
  <si>
    <t>富山市婦中町蛍川１２４－７</t>
  </si>
  <si>
    <t>ヘアサロンのざき</t>
  </si>
  <si>
    <t>富山市吉作４８６ー３０</t>
  </si>
  <si>
    <t>富山市堀川町３００</t>
  </si>
  <si>
    <t>ポコアポコ</t>
  </si>
  <si>
    <t>富山市根塚町３－３－３</t>
  </si>
  <si>
    <t>富山県富山市根塚町３－３－３</t>
  </si>
  <si>
    <t>0153</t>
  </si>
  <si>
    <t>まつだ美容室</t>
  </si>
  <si>
    <t>富山市東老田９７１</t>
  </si>
  <si>
    <t>まつの美容室</t>
  </si>
  <si>
    <t>富山市東富山寿町２－１１－５１</t>
  </si>
  <si>
    <t>マミー美容室</t>
  </si>
  <si>
    <t>富山市永楽町３２ー２３</t>
  </si>
  <si>
    <t>マリー美容室</t>
  </si>
  <si>
    <t>富山市上袋３０２</t>
  </si>
  <si>
    <t>0319</t>
  </si>
  <si>
    <t>富山市布目２３７９－２</t>
  </si>
  <si>
    <t>0736</t>
  </si>
  <si>
    <t>みち美容室</t>
  </si>
  <si>
    <t>富山市二口町２－３－６</t>
  </si>
  <si>
    <t>みどり美容室</t>
  </si>
  <si>
    <t>富山市安野屋町２ー６ー１４</t>
  </si>
  <si>
    <t>0316</t>
  </si>
  <si>
    <t>みわ美容室</t>
  </si>
  <si>
    <t>富山市緑町２ー５ー４</t>
  </si>
  <si>
    <t>富山市太郎丸西町１－８－３</t>
  </si>
  <si>
    <t>モナミ美容室</t>
  </si>
  <si>
    <t>富山市西公文名町１２－２</t>
  </si>
  <si>
    <t>0172</t>
  </si>
  <si>
    <t>富山市土居原町６ー２９</t>
  </si>
  <si>
    <t>0230</t>
  </si>
  <si>
    <t>ヤナギ美容院</t>
  </si>
  <si>
    <t>富山市藤木１２</t>
  </si>
  <si>
    <t>0272</t>
  </si>
  <si>
    <t>0510</t>
  </si>
  <si>
    <t>やまむら美容室</t>
  </si>
  <si>
    <t>富山市高原本町１０６</t>
  </si>
  <si>
    <t>やよい美容室</t>
  </si>
  <si>
    <t>富山市中布目２８</t>
  </si>
  <si>
    <t>ユー美容室</t>
  </si>
  <si>
    <t>富山市布瀬本町４－２</t>
  </si>
  <si>
    <t>ユキエ美容室</t>
  </si>
  <si>
    <t>よしえ美容室</t>
  </si>
  <si>
    <t>富山市総曲輪２ー４ー１２</t>
  </si>
  <si>
    <t>ラ・フォルマ</t>
  </si>
  <si>
    <t>富山市常盤町１－９</t>
  </si>
  <si>
    <t>0032</t>
  </si>
  <si>
    <t>リカ美容院</t>
  </si>
  <si>
    <t>富山市羽根１４４２ー２</t>
  </si>
  <si>
    <t>0016</t>
  </si>
  <si>
    <t>富山市開発３０３</t>
  </si>
  <si>
    <t>リリー美容室</t>
  </si>
  <si>
    <t>富山市蓮町３－８－２０</t>
  </si>
  <si>
    <t>0345</t>
  </si>
  <si>
    <t>ルヴィーブル５０６タナカ</t>
  </si>
  <si>
    <t>富山市桜木町５ー６</t>
  </si>
  <si>
    <t>ロイヤル美容室</t>
  </si>
  <si>
    <t>富山市上赤江町１ー８ー６５</t>
  </si>
  <si>
    <t>0465</t>
  </si>
  <si>
    <t>0035</t>
  </si>
  <si>
    <t>ワカバ美容院</t>
  </si>
  <si>
    <t>富山市呉羽町７３１３</t>
  </si>
  <si>
    <t>愛美容室</t>
  </si>
  <si>
    <t>井上美容室</t>
  </si>
  <si>
    <t>富山市藤木７３９－１６</t>
  </si>
  <si>
    <t>英　美容室</t>
  </si>
  <si>
    <t>富山市大泉東部１５２８</t>
  </si>
  <si>
    <t>0174</t>
  </si>
  <si>
    <t>園美容室</t>
  </si>
  <si>
    <t>富山市上冨居３－１１－３８</t>
  </si>
  <si>
    <t>花園美容室</t>
  </si>
  <si>
    <t>富山市下新北町２ー１７</t>
  </si>
  <si>
    <t>レディースアートネイチャー　富山サロン</t>
  </si>
  <si>
    <t>東京都渋谷区代々木３－４０－７</t>
  </si>
  <si>
    <t>紀美園</t>
  </si>
  <si>
    <t>富山市岩瀬白山町１区３８</t>
  </si>
  <si>
    <t>0114</t>
  </si>
  <si>
    <t>吉田美容室</t>
  </si>
  <si>
    <t>宮川美容室</t>
  </si>
  <si>
    <t>富山市水橋大町１３</t>
  </si>
  <si>
    <t>0140</t>
  </si>
  <si>
    <t>京美容室</t>
  </si>
  <si>
    <t>富山市清水町５ー１ー２０</t>
  </si>
  <si>
    <t>金木美容院</t>
  </si>
  <si>
    <t>富山市水橋北馬場７１－１</t>
  </si>
  <si>
    <t>原田美容室</t>
  </si>
  <si>
    <t>今井　美容院</t>
  </si>
  <si>
    <t>富山市小杉１０４７</t>
  </si>
  <si>
    <t>0196</t>
  </si>
  <si>
    <t>今崎美容院</t>
  </si>
  <si>
    <t>富山市水橋開発６６３</t>
  </si>
  <si>
    <t>沙花美容室</t>
  </si>
  <si>
    <t>坂野美容院</t>
  </si>
  <si>
    <t>富山市日方江１３６２</t>
  </si>
  <si>
    <t>0305</t>
  </si>
  <si>
    <t>0425</t>
  </si>
  <si>
    <t>ビューティサロン三愛</t>
  </si>
  <si>
    <t>富山市北新町１－１－３</t>
  </si>
  <si>
    <t>0445</t>
  </si>
  <si>
    <t>三日月美容室</t>
  </si>
  <si>
    <t>富山市栄町２－２－１６</t>
  </si>
  <si>
    <t>0354</t>
  </si>
  <si>
    <t>市田美容室</t>
  </si>
  <si>
    <t>富山市下新本町４－１１</t>
  </si>
  <si>
    <t>0501</t>
  </si>
  <si>
    <t>春美美容室</t>
  </si>
  <si>
    <t>富山市東富山寿町３－２１－１０</t>
  </si>
  <si>
    <t>島田美容室</t>
  </si>
  <si>
    <t>富山市田畑２３８</t>
  </si>
  <si>
    <t>0557</t>
  </si>
  <si>
    <t>東京美容室</t>
  </si>
  <si>
    <t>富山市花園町３－４－５</t>
  </si>
  <si>
    <t>0592</t>
  </si>
  <si>
    <t>藤ケ丘美容院</t>
  </si>
  <si>
    <t>富山市北代４１３９－１０２</t>
  </si>
  <si>
    <t>0334</t>
  </si>
  <si>
    <t>0240</t>
  </si>
  <si>
    <t>富山市八尾町杉田７６７</t>
  </si>
  <si>
    <t>髪切館</t>
  </si>
  <si>
    <t>富山市町村１ー２６０ー１</t>
  </si>
  <si>
    <t>0168</t>
  </si>
  <si>
    <t>0558</t>
  </si>
  <si>
    <t>0367</t>
  </si>
  <si>
    <t>美・スターササキ</t>
  </si>
  <si>
    <t>富山市長江新町２ー６ー１８</t>
  </si>
  <si>
    <t>0538</t>
  </si>
  <si>
    <t>美ゅーてぃさろん太田</t>
  </si>
  <si>
    <t>富山市下新本町６ー５１</t>
  </si>
  <si>
    <t>美容イケダ</t>
  </si>
  <si>
    <t>富山市城村７３６</t>
  </si>
  <si>
    <t>大阪府藤井寺市春日丘３－１２－１</t>
  </si>
  <si>
    <t>美容院カシ井</t>
  </si>
  <si>
    <t>富山市豊田本町２－８－２７</t>
  </si>
  <si>
    <t>0512</t>
  </si>
  <si>
    <t>美容室　ｂｌｅｕ　ｃｌａｉｒ　（ブル・クレール）</t>
  </si>
  <si>
    <t>0188</t>
  </si>
  <si>
    <t>美容室　ｎｏｕｖｅｌｌｅ　ｖａｇｕｅ（ヌーヴェル　ヴァーグ）</t>
  </si>
  <si>
    <t>富山市山室３２２－２２　高木ビル１Ｆ１３号</t>
  </si>
  <si>
    <t>富山市掛尾町２５－１</t>
  </si>
  <si>
    <t>美容室　アミング</t>
  </si>
  <si>
    <t>富山市粟島町２－７－８</t>
  </si>
  <si>
    <t>美容室　ちゃんす</t>
  </si>
  <si>
    <t>富山市荒川５－３－１９</t>
  </si>
  <si>
    <t>0092</t>
  </si>
  <si>
    <t>美容室　ティアラ</t>
  </si>
  <si>
    <t>富山市古寺４７４　長谷川ビル１Ｆ</t>
  </si>
  <si>
    <t>0211</t>
  </si>
  <si>
    <t>0816</t>
  </si>
  <si>
    <t>美容室　やすらぎ</t>
  </si>
  <si>
    <t>富山市公文名１６ー４</t>
  </si>
  <si>
    <t>0124</t>
  </si>
  <si>
    <t>美容室ＢｅＰＯＰ</t>
  </si>
  <si>
    <t>富山市水橋舘町１９８－１</t>
  </si>
  <si>
    <t>美容室ＢＩＪＩＮ美人</t>
  </si>
  <si>
    <t>富山市稲荷元町２ー７ー１０</t>
  </si>
  <si>
    <t>美容室Ｂ－Ｐａｔｏｒａ</t>
  </si>
  <si>
    <t>富山市常盤台１８番３０号</t>
  </si>
  <si>
    <t>美容室Ｃｌｅａｒ</t>
  </si>
  <si>
    <t>富山市田中町４－９－２０</t>
  </si>
  <si>
    <t>0045</t>
  </si>
  <si>
    <t>美容室ＧＯＯ</t>
  </si>
  <si>
    <t>富山市中川原１３４ー６</t>
  </si>
  <si>
    <t>富山市東富山寿町１－１１－２８</t>
  </si>
  <si>
    <t>美容室Ｋ０Ｕ</t>
  </si>
  <si>
    <t>富山市柳町１ー３ー２１</t>
  </si>
  <si>
    <t>美容室キッス</t>
  </si>
  <si>
    <t>富山市四方恵比寿町３１</t>
  </si>
  <si>
    <t>美容室Ｐasha Ｃlub</t>
  </si>
  <si>
    <t>富山市新根塚町２－９－９</t>
  </si>
  <si>
    <t>0107</t>
  </si>
  <si>
    <t>美容室ＰＡＳＳＩ０Ｎ</t>
  </si>
  <si>
    <t>富山市上冨居２－１１－３９</t>
  </si>
  <si>
    <t>0139</t>
  </si>
  <si>
    <t>美容室Ｐ－ｕｐ</t>
  </si>
  <si>
    <t>富山市水橋中村町１２１ー１</t>
  </si>
  <si>
    <t>0118</t>
  </si>
  <si>
    <t>美容室Ｓｏｅｕｒ（スール）</t>
  </si>
  <si>
    <t>富山市豊川町５－１０</t>
  </si>
  <si>
    <t>0108</t>
  </si>
  <si>
    <t>美容室Ｖｅｒｔｉｃａｌ</t>
  </si>
  <si>
    <t>富山市新庄町１１４ー２</t>
  </si>
  <si>
    <t>0112</t>
  </si>
  <si>
    <t>美容室アオキ</t>
  </si>
  <si>
    <t>富山市上堀町６２</t>
  </si>
  <si>
    <t>富山県富山市堀６２</t>
  </si>
  <si>
    <t>美容室あかざわ</t>
  </si>
  <si>
    <t>富山市豊田町１ー１２ー１</t>
  </si>
  <si>
    <t>富山市掛尾町２３２</t>
  </si>
  <si>
    <t>0028</t>
  </si>
  <si>
    <t>美容室アンテンドゥ</t>
  </si>
  <si>
    <t>富山市本郷町４４ー１６</t>
  </si>
  <si>
    <t>美容室エンジェル</t>
  </si>
  <si>
    <t>富山市月見町１ー４６</t>
  </si>
  <si>
    <t>美容室かみかざり</t>
  </si>
  <si>
    <t>富山市四ツ葉町２２ー５８</t>
  </si>
  <si>
    <t>美容室ケイプリュス</t>
  </si>
  <si>
    <t>富山市本郷町１３０ー８</t>
  </si>
  <si>
    <t>美容室ココ</t>
  </si>
  <si>
    <t>富山市朝菜町１ー４４ー７</t>
  </si>
  <si>
    <t>美容室こずえ</t>
  </si>
  <si>
    <t>富山市長江新町４ー５ー２０</t>
  </si>
  <si>
    <t>美容室こばやし</t>
  </si>
  <si>
    <t>富山市願海寺５０１ー３９</t>
  </si>
  <si>
    <t>0481</t>
  </si>
  <si>
    <t>美容室シャノン</t>
  </si>
  <si>
    <t>富山市南栗山１０１</t>
  </si>
  <si>
    <t>美容室シャンプー</t>
  </si>
  <si>
    <t>富山市高原本町１５７</t>
  </si>
  <si>
    <t>美容室ジュンク</t>
  </si>
  <si>
    <t>富山市堀川町２０５ー１</t>
  </si>
  <si>
    <t>美容室ジョニー本店</t>
  </si>
  <si>
    <t>富山市蛯町４ー５</t>
  </si>
  <si>
    <t>富山県富山市蛯町４－５</t>
  </si>
  <si>
    <t>美容室しらかわ</t>
  </si>
  <si>
    <t>富山市永楽町３５ー３５</t>
  </si>
  <si>
    <t>美容室すみ</t>
  </si>
  <si>
    <t>富山市西長江本町３ー１</t>
  </si>
  <si>
    <t>美容室たかもり</t>
  </si>
  <si>
    <t>富山市西公文名町１０ー２６</t>
  </si>
  <si>
    <t>0152</t>
  </si>
  <si>
    <t>0487</t>
  </si>
  <si>
    <t>美容室たんぽぽ</t>
  </si>
  <si>
    <t>富山市赤田４３８ー２</t>
  </si>
  <si>
    <t>0163</t>
  </si>
  <si>
    <t>美容室てたに</t>
  </si>
  <si>
    <t>富山市森若町１－１</t>
  </si>
  <si>
    <t>美容室テンナイン</t>
  </si>
  <si>
    <t>富山市西山王町２ー２７</t>
  </si>
  <si>
    <t>0136</t>
  </si>
  <si>
    <t>美容室ナカムラ</t>
  </si>
  <si>
    <t>富山市清水町３ー５ー４</t>
  </si>
  <si>
    <t>美容室ハーモニー</t>
  </si>
  <si>
    <t>富山市宮尾３３０４－３</t>
  </si>
  <si>
    <t>美容室ひのき</t>
  </si>
  <si>
    <t>富山市月岡西緑町２３１</t>
  </si>
  <si>
    <t>美容室ファミリー</t>
  </si>
  <si>
    <t>富山市水橋山王町６２１</t>
  </si>
  <si>
    <t>0229</t>
  </si>
  <si>
    <t>美容室ふるかわ</t>
  </si>
  <si>
    <t>富山市千石町５ー７ー１</t>
  </si>
  <si>
    <t>美容室ベル</t>
  </si>
  <si>
    <t>富山市上飯野３１ー２</t>
  </si>
  <si>
    <t>富山市山室２７</t>
  </si>
  <si>
    <t>美容室ボン・グゥ</t>
  </si>
  <si>
    <t>富山市山室２５６－４</t>
  </si>
  <si>
    <t>0086</t>
  </si>
  <si>
    <t>美容室マジュレ</t>
  </si>
  <si>
    <t>富山市大泉１７ー２０</t>
  </si>
  <si>
    <t>美容室マリリン</t>
  </si>
  <si>
    <t>富山市花木９９ー３</t>
  </si>
  <si>
    <t>本田美容室</t>
  </si>
  <si>
    <t>富山市呉羽冨田町１６８ー９</t>
  </si>
  <si>
    <t>野村美容室</t>
  </si>
  <si>
    <t>富山市粟島町３ー７ー１７</t>
  </si>
  <si>
    <t>富山市下新北町３－３２</t>
  </si>
  <si>
    <t>0080</t>
  </si>
  <si>
    <t>富山市太田口通り１－４－１０</t>
  </si>
  <si>
    <t>富山市堀川小泉町８０６</t>
  </si>
  <si>
    <t>富山県富山市総曲輪３－９－２１</t>
  </si>
  <si>
    <t>モッズ・ヘア富山　中央通り店</t>
  </si>
  <si>
    <t>富山市中央通２－５－５</t>
  </si>
  <si>
    <t>富山県富山市中央通２－５－５</t>
  </si>
  <si>
    <t>0226</t>
  </si>
  <si>
    <t>富山市小泉町４９０</t>
  </si>
  <si>
    <t>0227</t>
  </si>
  <si>
    <t>ｈａｉｒ　ｃｒｅａｔｉｏｎ　ＮＥＳＴ</t>
  </si>
  <si>
    <t>富山市新庄町２０６－２</t>
  </si>
  <si>
    <t>0228</t>
  </si>
  <si>
    <t>富山市二口町５－８－１２</t>
  </si>
  <si>
    <t>富山県高岡市戸出町１－１－５１</t>
  </si>
  <si>
    <t>Ｓｉｌｋｙ</t>
  </si>
  <si>
    <t>富山市新根塚町３－１－３</t>
  </si>
  <si>
    <t>0231</t>
  </si>
  <si>
    <t>0842</t>
  </si>
  <si>
    <t>ビー・フラット</t>
  </si>
  <si>
    <t>富山市太郎丸本町４－４－１</t>
  </si>
  <si>
    <t>0234</t>
  </si>
  <si>
    <t>有限会社　美容室　プールス</t>
  </si>
  <si>
    <t>0710</t>
  </si>
  <si>
    <t>0235</t>
  </si>
  <si>
    <t>ｈａｉｒ　ｗｉｓｈ</t>
  </si>
  <si>
    <t>富山市上袋２８１</t>
  </si>
  <si>
    <t>フェアリーテールビル１Ｆ</t>
  </si>
  <si>
    <t>0236</t>
  </si>
  <si>
    <t>山梨県甲府市美咲１－１０－６</t>
  </si>
  <si>
    <t>富山市粟島町２－５－２５</t>
  </si>
  <si>
    <t>山口美容室</t>
  </si>
  <si>
    <t>富山市水橋狐塚３０－７</t>
  </si>
  <si>
    <t>0242</t>
  </si>
  <si>
    <t>美容室　ＣＨＥＥＲ　ＦＵＬＬＹ</t>
  </si>
  <si>
    <t>富山市高田１０－４</t>
  </si>
  <si>
    <t>0243</t>
  </si>
  <si>
    <t>美容室　ウィズ</t>
  </si>
  <si>
    <t>富山市水橋市江４７</t>
  </si>
  <si>
    <t>0245</t>
  </si>
  <si>
    <t>美容室　サロンド　ユー</t>
  </si>
  <si>
    <t>富山市呉羽町６８０７－１６　</t>
  </si>
  <si>
    <t>0246</t>
  </si>
  <si>
    <t>ビューティプラザはまざき東店</t>
  </si>
  <si>
    <t>富山市綾田町１－２２－２８</t>
  </si>
  <si>
    <t>0247</t>
  </si>
  <si>
    <t>富山市山室２３５－１</t>
  </si>
  <si>
    <t>Ｈａｉｒ　Ｐｒｏｄｕｃｅ　Ｍｉｌｌｅ　Ｃｏｕｌｅｕｒｓ</t>
  </si>
  <si>
    <t>富山市総曲輪３－６－１５－１８－２</t>
  </si>
  <si>
    <t>0253</t>
  </si>
  <si>
    <t>サロンド・ルン・クローバ</t>
  </si>
  <si>
    <t>富山市月岡町５－３６５－１</t>
  </si>
  <si>
    <t>0254</t>
  </si>
  <si>
    <t>アピス　ヘア・メイク</t>
  </si>
  <si>
    <t>富山市赤田７６３－３</t>
  </si>
  <si>
    <t>0255</t>
  </si>
  <si>
    <t>ｃｒｅｗ　クルー</t>
  </si>
  <si>
    <t>富山市町村２－１０５</t>
  </si>
  <si>
    <t>0260</t>
  </si>
  <si>
    <t>ＢＥＡＮＫＨ（ビーアンク）</t>
  </si>
  <si>
    <t>富山市長江４－２－３８－１</t>
  </si>
  <si>
    <t>0261</t>
  </si>
  <si>
    <t>アランジェ</t>
  </si>
  <si>
    <t>富山市大町１３５－１６</t>
  </si>
  <si>
    <t>富山県富山市大町１３５－１６</t>
  </si>
  <si>
    <t>0264</t>
  </si>
  <si>
    <t>ｓａｍｉ　ｓａｍｉ　美容室</t>
  </si>
  <si>
    <t>富山市黒瀬北町２－１５－１</t>
  </si>
  <si>
    <t>0268</t>
  </si>
  <si>
    <t>富山市五福３２１６－８</t>
  </si>
  <si>
    <t>アーム　イン　アーム　ヘア</t>
  </si>
  <si>
    <t>富山市東中野町３－１０－２０</t>
  </si>
  <si>
    <t>美容室　ｆｕｎ　～ファン～</t>
  </si>
  <si>
    <t>富山市下大久保１５６２</t>
  </si>
  <si>
    <t>ｐａｃｅ　パーチェ</t>
  </si>
  <si>
    <t>富山市三室荒屋５４１－２７</t>
  </si>
  <si>
    <t>ａｎｇｅ</t>
  </si>
  <si>
    <t>富山市下大久保１９９４－６</t>
  </si>
  <si>
    <t>ベルジュバンス　きらり</t>
  </si>
  <si>
    <t>富山市高内３８８</t>
  </si>
  <si>
    <t>ぱあまやさん　花いちもんめ</t>
  </si>
  <si>
    <t>富山市上大久保２０３４</t>
  </si>
  <si>
    <t>ヘアーパーク　かれん</t>
  </si>
  <si>
    <t>富山市東大久保４３５</t>
  </si>
  <si>
    <t>あとりえ　ビィーツ</t>
  </si>
  <si>
    <t>富山市上大久保２７５</t>
  </si>
  <si>
    <t>ビューティサロン　ＯＢＡＴＡ</t>
  </si>
  <si>
    <t>富山市上大久保２０７８－２</t>
  </si>
  <si>
    <t>美容室　髪ふうせん</t>
  </si>
  <si>
    <t>富山市上大久保８４２－１</t>
  </si>
  <si>
    <t>ヘアー　ステージ　おかだ</t>
  </si>
  <si>
    <t>富山市上大久保１２１０－１</t>
  </si>
  <si>
    <t>美容室　ＫＡＺＵ</t>
  </si>
  <si>
    <t>富山市上大久保８４８</t>
  </si>
  <si>
    <t>0801</t>
  </si>
  <si>
    <t>美容室　シュプール</t>
  </si>
  <si>
    <t>富山市下大久保２２０１－３９</t>
  </si>
  <si>
    <t>Ｋ　美容室</t>
  </si>
  <si>
    <t>富山市下大久保３２４９－１０</t>
  </si>
  <si>
    <t>富山市八木山５１－８</t>
  </si>
  <si>
    <t>美容室　ＭＯＶＥ</t>
  </si>
  <si>
    <t>富山市上大久保５区１４９９－８</t>
  </si>
  <si>
    <t>富山市上大久保１００</t>
  </si>
  <si>
    <t>美容室　やすこ</t>
  </si>
  <si>
    <t>富山市西大沢２５４</t>
  </si>
  <si>
    <t>カット＆パーマ　ハピニス</t>
  </si>
  <si>
    <t>富山市上大久保三区９６３－６</t>
  </si>
  <si>
    <t>ぱあまはうす　ゆかり</t>
  </si>
  <si>
    <t>富山市高内２４６</t>
  </si>
  <si>
    <t>マロミ美容院</t>
  </si>
  <si>
    <t>富山市笹津５４５－１</t>
  </si>
  <si>
    <t>美容室　たかやま</t>
  </si>
  <si>
    <t>富山市笹津４９０－１</t>
  </si>
  <si>
    <t>ロマン美容室</t>
  </si>
  <si>
    <t>ナツコ美容室</t>
  </si>
  <si>
    <t>富山市笹津４９２－２</t>
  </si>
  <si>
    <t>ビューティ　サロン　レリアン</t>
  </si>
  <si>
    <t>富山市下大久保１７７３－１０</t>
  </si>
  <si>
    <t>ビューティサロン　岡田</t>
  </si>
  <si>
    <t>富山市下タ林６３－１</t>
  </si>
  <si>
    <t>もりえ美容室</t>
  </si>
  <si>
    <t>富山市二松３８－８</t>
  </si>
  <si>
    <t>ビューティ　もりさわ</t>
  </si>
  <si>
    <t>富山市八木山２２８２</t>
  </si>
  <si>
    <t>0582</t>
  </si>
  <si>
    <t>ビューティ　花園</t>
  </si>
  <si>
    <t>富山市長附</t>
  </si>
  <si>
    <t>0478</t>
  </si>
  <si>
    <t>0539</t>
  </si>
  <si>
    <t>わだ美容室</t>
  </si>
  <si>
    <t>富山市猪谷１１０２－１</t>
  </si>
  <si>
    <t>ポニーテール</t>
  </si>
  <si>
    <t>富山市楡原６６４－２１</t>
  </si>
  <si>
    <t>ビューティサロン　マエダ</t>
  </si>
  <si>
    <t>富山市猪谷５０５</t>
  </si>
  <si>
    <t>マサミ美容室</t>
  </si>
  <si>
    <t>富山市猪谷９２４</t>
  </si>
  <si>
    <t>0328</t>
  </si>
  <si>
    <t>美髪館</t>
  </si>
  <si>
    <t>富山市八尾町黒田５－６</t>
  </si>
  <si>
    <t>ヘアーサロン　ミルキーウェイ</t>
  </si>
  <si>
    <t>富山市八尾町福島３－８７</t>
  </si>
  <si>
    <t>すえの美容室</t>
  </si>
  <si>
    <t>富山市八尾町大杉４１３－６</t>
  </si>
  <si>
    <t>美容室　たんぽぽ</t>
  </si>
  <si>
    <t>富山市八尾町奥田９２－１６</t>
  </si>
  <si>
    <t>ヘアーサロン　ココ</t>
  </si>
  <si>
    <t>富山市八尾町黒田１４５２－４</t>
  </si>
  <si>
    <t>３匹の小ぶた</t>
  </si>
  <si>
    <t>富山市八尾町大杉５６－２</t>
  </si>
  <si>
    <t>美容室　Ｒａｎ　Ｒａｎ</t>
  </si>
  <si>
    <t>富山市八尾町小長谷猪ノ口６３３２－１</t>
  </si>
  <si>
    <t>Ｗｅｌｌ美容室</t>
  </si>
  <si>
    <t>富山市八尾町小長谷字猪口６３９２－１</t>
  </si>
  <si>
    <t>0427</t>
  </si>
  <si>
    <t>吉川美容院</t>
  </si>
  <si>
    <t>富山市八尾町天満町６７７６－１６</t>
  </si>
  <si>
    <t>髪スタジオＭ　八尾店</t>
  </si>
  <si>
    <t>美容室　安夢瑠　</t>
  </si>
  <si>
    <t>富山市八尾町井田７８５－４</t>
  </si>
  <si>
    <t>0377</t>
  </si>
  <si>
    <t>ビューティサロン　じゅん</t>
  </si>
  <si>
    <t>富山市八尾町黒田５１１－２</t>
  </si>
  <si>
    <t>0507</t>
  </si>
  <si>
    <t>美容室　ヘアークリエイター　坂口</t>
  </si>
  <si>
    <t>富山市八尾町井田９９１－３</t>
  </si>
  <si>
    <t>富山県富山市婦中町砂子田８１－２７９</t>
  </si>
  <si>
    <t>ぱあまやさん　レディ</t>
  </si>
  <si>
    <t>富山市八尾町福島１５</t>
  </si>
  <si>
    <t>0602</t>
  </si>
  <si>
    <t>ヘアーサロン　ｙｏｕ－ｙｏｕ</t>
  </si>
  <si>
    <t>富山市八尾町福島上野５－８</t>
  </si>
  <si>
    <t>ビューティ　ハウス　ブライト</t>
  </si>
  <si>
    <t>富山市八尾町杉田７９２－２</t>
  </si>
  <si>
    <t>富山市八尾町福島元村４２７－１</t>
  </si>
  <si>
    <t>0395</t>
  </si>
  <si>
    <t>サロン・ド・ミューズ</t>
  </si>
  <si>
    <t>富山市八尾町大杉４９</t>
  </si>
  <si>
    <t>美容室　エミコ</t>
  </si>
  <si>
    <t>富山市八尾町福島元村畑田３２５</t>
  </si>
  <si>
    <t>0759</t>
  </si>
  <si>
    <t>富山市八尾町黒田５３１８</t>
  </si>
  <si>
    <t>竹森美容室</t>
  </si>
  <si>
    <t>富山市八尾町水谷字小島田２４５</t>
  </si>
  <si>
    <t>0632</t>
  </si>
  <si>
    <t>井澤美容</t>
  </si>
  <si>
    <t>富山市八尾町西町２２８９</t>
  </si>
  <si>
    <t>0693</t>
  </si>
  <si>
    <t>島崎美容室</t>
  </si>
  <si>
    <t>富山市八尾町鏡町２４０２</t>
  </si>
  <si>
    <t>みやかわ美容室</t>
  </si>
  <si>
    <t>富山市八尾町鏡町８５９</t>
  </si>
  <si>
    <t>美容室　まり</t>
  </si>
  <si>
    <t>富山市八尾町舘本郷５２６－１</t>
  </si>
  <si>
    <t>寿美容室</t>
  </si>
  <si>
    <t>富山市八尾町上高善寺９６６－３</t>
  </si>
  <si>
    <t>富山市八尾町西新町３９９６</t>
  </si>
  <si>
    <t>すわ美容室</t>
  </si>
  <si>
    <t>富山市八尾町諏訪町２５７０</t>
  </si>
  <si>
    <t>Ｒ’ｓ　ｈａｉｒ</t>
  </si>
  <si>
    <t>富山市古沢４０９－２</t>
  </si>
  <si>
    <t>0799</t>
  </si>
  <si>
    <t>0274</t>
  </si>
  <si>
    <t>富山市山田湯６４４－２</t>
  </si>
  <si>
    <t>0802</t>
  </si>
  <si>
    <t>フレンズ</t>
  </si>
  <si>
    <t>富山市婦中町下轡田３４７</t>
  </si>
  <si>
    <t>美容室　セーラ</t>
  </si>
  <si>
    <t>富山市婦中町安田２６３</t>
  </si>
  <si>
    <t>富山市婦中町蛍川８７－２５</t>
  </si>
  <si>
    <t>理･美容院　ＡＲＯＯ</t>
  </si>
  <si>
    <t>富山市婦中町下轡田４８２－１</t>
  </si>
  <si>
    <t>ｔｒｕｓｔ</t>
  </si>
  <si>
    <t>富山市婦中町袋３０２－１０</t>
  </si>
  <si>
    <t>Ｂｌｏｏｍ　Ｈａｉｒ</t>
  </si>
  <si>
    <t>富山市婦中町速星８４２－３</t>
  </si>
  <si>
    <t>ヘアーメイク　Ｐｈａｓｅ</t>
  </si>
  <si>
    <t>富山市婦中町速星５８４</t>
  </si>
  <si>
    <t>ＰＡＺＡＰＡ西店</t>
  </si>
  <si>
    <t>富山市婦中町笹倉７７－１</t>
  </si>
  <si>
    <t>えみ美容室</t>
  </si>
  <si>
    <t>富山市千原崎２－９－１３</t>
  </si>
  <si>
    <t>0357</t>
  </si>
  <si>
    <t>Ｗ</t>
  </si>
  <si>
    <t>富山市安野屋町１－８</t>
  </si>
  <si>
    <t>信開ドムス松川１Ｆ　Ｂ</t>
  </si>
  <si>
    <t>0358</t>
  </si>
  <si>
    <t>Ｈａｉｒ　Ｌｏｏｐ　ａｎｄ　Ｌｏｏｐ</t>
  </si>
  <si>
    <t>富山市黒瀬２７７－１</t>
  </si>
  <si>
    <t>ＲＡＺＺＯ</t>
  </si>
  <si>
    <t>富山県富山市永楽町６－１２</t>
  </si>
  <si>
    <t>0360</t>
  </si>
  <si>
    <t>富山市天正寺３７－２</t>
  </si>
  <si>
    <t>0361</t>
  </si>
  <si>
    <t>ヘアーメイク　アン</t>
  </si>
  <si>
    <t>富山市婦中町下坂倉２９－３</t>
  </si>
  <si>
    <t>ｆｅｅｌ　ｂｙ　ＳＨＡＲＡＫＵ</t>
  </si>
  <si>
    <t>富山市婦中町速星１１２－１</t>
  </si>
  <si>
    <t>富山県富山市婦中町速星１１２－１</t>
  </si>
  <si>
    <t>富山市婦中町下轡田１６５－１</t>
  </si>
  <si>
    <t>美容室　「Ｉｍａｄａ」</t>
  </si>
  <si>
    <t>富山市婦中町田島９８２－３</t>
  </si>
  <si>
    <t>美容室　あかり</t>
  </si>
  <si>
    <t>富山市婦中町長沢ひまわり台４０２９－２３</t>
  </si>
  <si>
    <t>美容室　アーネスト</t>
  </si>
  <si>
    <t>富山市婦中町小長沢２７５８</t>
  </si>
  <si>
    <t>0604</t>
  </si>
  <si>
    <t>ヘアスタジオ　ノアノア</t>
  </si>
  <si>
    <t>富山市婦中町砂子田８１－２７９</t>
  </si>
  <si>
    <t>ラ　シャンセ</t>
  </si>
  <si>
    <t>サロン・ド・ミロワール</t>
  </si>
  <si>
    <t>0488</t>
  </si>
  <si>
    <t>寺家美容院</t>
  </si>
  <si>
    <t>富山市婦中町長沢２８３７</t>
  </si>
  <si>
    <t>美容室　もうり</t>
  </si>
  <si>
    <t>富山市婦中町砂子田６８０－１２</t>
  </si>
  <si>
    <t>0617</t>
  </si>
  <si>
    <t>有限会社　いづみ美容室　速星店　</t>
  </si>
  <si>
    <t>富山市婦中町速星３区７２４</t>
  </si>
  <si>
    <t>協和会ビル</t>
  </si>
  <si>
    <t>ゆい　美容室</t>
  </si>
  <si>
    <t>富山市婦中町砂子田１５４－３２</t>
  </si>
  <si>
    <t>わかせ美容院</t>
  </si>
  <si>
    <t>富山市婦中町外輪野６４７６</t>
  </si>
  <si>
    <t>美容室　ナナ</t>
  </si>
  <si>
    <t>富山市婦中町田島９７２</t>
  </si>
  <si>
    <t>0681</t>
  </si>
  <si>
    <t>とこやとぱあまやの店　やまざき</t>
  </si>
  <si>
    <t>富山市婦中町友坂５８１０</t>
  </si>
  <si>
    <t>富山市婦中町笹倉１区４８３</t>
  </si>
  <si>
    <t>0554</t>
  </si>
  <si>
    <t>サロンド　ＪＯＹ</t>
  </si>
  <si>
    <t>富山市婦中町下邑１３６２－２</t>
  </si>
  <si>
    <t>0431</t>
  </si>
  <si>
    <t>ぱあまや　ルーシー</t>
  </si>
  <si>
    <t>富山市婦中町小倉４６－１</t>
  </si>
  <si>
    <t>サロン・ド・グッズ</t>
  </si>
  <si>
    <t>富山市婦中町速星５０５－３</t>
  </si>
  <si>
    <t>ミカ美容室</t>
  </si>
  <si>
    <t>0327</t>
  </si>
  <si>
    <t>ビューティサロン　佐和</t>
  </si>
  <si>
    <t>ミヤノ美容室</t>
  </si>
  <si>
    <t>富山市婦中町地角６７９</t>
  </si>
  <si>
    <t>0586</t>
  </si>
  <si>
    <t>ふるさと美容室</t>
  </si>
  <si>
    <t>富山市婦中町長沢字山岸４５２２－１０</t>
  </si>
  <si>
    <t>富山市婦中町中名字川原１２７６－４</t>
  </si>
  <si>
    <t>みやこ美容室</t>
  </si>
  <si>
    <t>富山市婦中町分田８８－２</t>
  </si>
  <si>
    <t>姿美容室</t>
  </si>
  <si>
    <t>富山市婦中町速星２区８８０</t>
  </si>
  <si>
    <t>ワカバ美容室</t>
  </si>
  <si>
    <t>富山市婦中町鵜坂１１８</t>
  </si>
  <si>
    <t>きまぐれ美容室</t>
  </si>
  <si>
    <t>富山市東福沢１６４６</t>
  </si>
  <si>
    <t>サロンド　マリーン</t>
  </si>
  <si>
    <t>富山市田畠３０３－５</t>
  </si>
  <si>
    <t>富山市中滝８４－１</t>
  </si>
  <si>
    <t>富山市中滝２５０－２</t>
  </si>
  <si>
    <t>リリー</t>
  </si>
  <si>
    <t>富山市中滝１９３</t>
  </si>
  <si>
    <t>0820</t>
  </si>
  <si>
    <t>ビューティサロン　くろせ</t>
  </si>
  <si>
    <t>富山市上滝新栄町８７６</t>
  </si>
  <si>
    <t>富山市上滝２７１</t>
  </si>
  <si>
    <t>0576</t>
  </si>
  <si>
    <t>カットコムズ　アピア店</t>
  </si>
  <si>
    <t>富山市稲荷元町２－１１－１</t>
  </si>
  <si>
    <t>株式会社　マックスコムズウエスト</t>
  </si>
  <si>
    <t>富山県富山市田中町１－１６－３８</t>
  </si>
  <si>
    <t>富山市上赤江町１－１２－２５</t>
  </si>
  <si>
    <t>富山市磯部町４－３－２６</t>
  </si>
  <si>
    <t>Ｈａｉｒ　ｍａ’ａｍ</t>
  </si>
  <si>
    <t>富山市婦中町袋２８４－４</t>
  </si>
  <si>
    <t>0281</t>
  </si>
  <si>
    <t>ヘア・アート　Ｓｈａ－Ｎ</t>
  </si>
  <si>
    <t>富山市水橋開発町２０－８</t>
  </si>
  <si>
    <t>0282</t>
  </si>
  <si>
    <t>コワフュール・ＳＯＵＷＡ</t>
  </si>
  <si>
    <t>富山市月岡町６－７４２</t>
  </si>
  <si>
    <t>0284</t>
  </si>
  <si>
    <t>ｈａｉｒ　ｍａｋｅ　ｐｌａｃｅｒ</t>
  </si>
  <si>
    <t>ＴＯＹ　ＢＯＸ</t>
  </si>
  <si>
    <t>富山市堀川町９８</t>
  </si>
  <si>
    <t>0289</t>
  </si>
  <si>
    <t>ワイ・ビズ・ヘアー</t>
  </si>
  <si>
    <t>富山市月岡町６－５７０</t>
  </si>
  <si>
    <t>0290</t>
  </si>
  <si>
    <t>富山県富山市経堂４－１－６</t>
  </si>
  <si>
    <t>有限会社　サクセス　本店　</t>
  </si>
  <si>
    <t>0293</t>
  </si>
  <si>
    <t>アーム　</t>
  </si>
  <si>
    <t>富山市東老田５１</t>
  </si>
  <si>
    <t>0294</t>
  </si>
  <si>
    <t>みよえ美容室</t>
  </si>
  <si>
    <t>富山市秋吉１－１</t>
  </si>
  <si>
    <t>0295</t>
  </si>
  <si>
    <t>ｈａｉｒ　＆　ｍａｋｅ　ＴＩＡ</t>
  </si>
  <si>
    <t>富山市婦中町増田１８－３</t>
  </si>
  <si>
    <t>0296</t>
  </si>
  <si>
    <t>Ｂ－Ｃｌａｙ（ブルー　クレイ）</t>
  </si>
  <si>
    <t>富山市山室１２０－１２</t>
  </si>
  <si>
    <t>0298</t>
  </si>
  <si>
    <t>リークス</t>
  </si>
  <si>
    <t>Ｈａｉｒ　ｐｒｏｄｕｃｅ　Ａｍｉ　Ｈｅａｌｉｎｇ　ｚｏｎｅ</t>
  </si>
  <si>
    <t>富山市婦中町宮ケ島２９０－１０</t>
  </si>
  <si>
    <t>0301</t>
  </si>
  <si>
    <t>ビューティプラザはまざきショッピングタウン北の森店</t>
  </si>
  <si>
    <t>0303</t>
  </si>
  <si>
    <t>ｈａｉｒ’ｓ　ａｃｔｙ</t>
  </si>
  <si>
    <t>0304</t>
  </si>
  <si>
    <t>イン東京　富山東店</t>
  </si>
  <si>
    <t>富山市上冨居３－５－５</t>
  </si>
  <si>
    <t>ＨＡＩＲ　＆　ＨＥＡＤ　ＳＰＡ　桜のひ</t>
  </si>
  <si>
    <t>富山市花崎１１３９－１１</t>
  </si>
  <si>
    <t>0306</t>
  </si>
  <si>
    <t>ビューティ　サロン　「ルイズ」</t>
  </si>
  <si>
    <t>富山市桜町１－６－１６</t>
  </si>
  <si>
    <t>0307</t>
  </si>
  <si>
    <t>ａｅｚｉ　エゼ</t>
  </si>
  <si>
    <t>富山市呉羽町１６０－７</t>
  </si>
  <si>
    <t>0308</t>
  </si>
  <si>
    <t>富山市金代３６</t>
  </si>
  <si>
    <t>ｍｏｃｏ美容室</t>
  </si>
  <si>
    <t>0310</t>
  </si>
  <si>
    <t>ヘアープロデゥース　ＵＰ　Ｌｉｐｓ．Ｗ</t>
  </si>
  <si>
    <t>富山市婦中町十五丁５３４</t>
  </si>
  <si>
    <t>0311</t>
  </si>
  <si>
    <t>ナ・ホオラ・アンハーバー</t>
  </si>
  <si>
    <t>富山市常盤台１５－２</t>
  </si>
  <si>
    <t>美容室ミルキー</t>
  </si>
  <si>
    <t>富山市高内２区３８７－４</t>
  </si>
  <si>
    <t>0313</t>
  </si>
  <si>
    <t>美容室パンプルムース</t>
  </si>
  <si>
    <t>富山市稲荷町２－２－９　</t>
  </si>
  <si>
    <t>カーサイナリ１０２号</t>
  </si>
  <si>
    <t>0315</t>
  </si>
  <si>
    <t>美容室ヤスヨ</t>
  </si>
  <si>
    <t>富山市婦中町長沢４５９２</t>
  </si>
  <si>
    <t>Ｓｈｉｐｓ　ＥＥＬ</t>
  </si>
  <si>
    <t>富山市経堂４－１３１－２</t>
  </si>
  <si>
    <t>0317</t>
  </si>
  <si>
    <t>0318</t>
  </si>
  <si>
    <t>ジッピー　ヘアー　コレクション</t>
  </si>
  <si>
    <t>富山県富山市向新庄町７－１７－１２</t>
  </si>
  <si>
    <t>富山市城若町８５１－２</t>
  </si>
  <si>
    <t>0323</t>
  </si>
  <si>
    <t>富山市有沢２３９４－４</t>
  </si>
  <si>
    <t>ｈａｉｒ　Ｎａｔｕｒｅｌ</t>
  </si>
  <si>
    <t>富山市高屋敷５５－２６１</t>
  </si>
  <si>
    <t>0326</t>
  </si>
  <si>
    <t>美容室ビー</t>
  </si>
  <si>
    <t>富山市吉岡２９７</t>
  </si>
  <si>
    <t>ビューティーサロン　Ｈａｎａ</t>
  </si>
  <si>
    <t>富山市長江新町３－３－３０</t>
  </si>
  <si>
    <t>トータルヘヤー　ヘブンス　ジグソ</t>
  </si>
  <si>
    <t>富山市鍋田４３－２</t>
  </si>
  <si>
    <t>0329</t>
  </si>
  <si>
    <t>株式会社アトリエＮｏｅｌ</t>
  </si>
  <si>
    <t>富山市西押川１５１０－７</t>
  </si>
  <si>
    <t>富山市牛島町６－１５</t>
  </si>
  <si>
    <t>0335</t>
  </si>
  <si>
    <t>ヘアーコスメ　スムーチ</t>
  </si>
  <si>
    <t>富山市新根塚町１－９－４５</t>
  </si>
  <si>
    <t>ＢＮＫビル</t>
  </si>
  <si>
    <t>美容室そら</t>
  </si>
  <si>
    <t>富山市高屋敷４６７－４</t>
  </si>
  <si>
    <t>0339</t>
  </si>
  <si>
    <t>アリエス美容室　上赤江店</t>
  </si>
  <si>
    <t>0340</t>
  </si>
  <si>
    <t>ａｉｒ美容室</t>
  </si>
  <si>
    <t>ＨＡＩＲ　ＰＲＯＤＵＣＥ　Ｋ－ｆｅｅｌ</t>
  </si>
  <si>
    <t>富山市大泉東町１－３－２２</t>
  </si>
  <si>
    <t>サンタウン１Ｆ</t>
  </si>
  <si>
    <t>ＨａｉｒＳａｌｏｎ＆ＳＰＡ　ＢＬＵＢ</t>
  </si>
  <si>
    <t>富山市大町２区１－４</t>
  </si>
  <si>
    <t>カラーボックス２Ｆ</t>
  </si>
  <si>
    <t>0346</t>
  </si>
  <si>
    <t>ＣＨＯＣＯＬＡＴ（ショコラ）</t>
  </si>
  <si>
    <t>Ｒｅｓｐｅｃｔ・Ｔ‐Ｓ</t>
  </si>
  <si>
    <t>富山市婦中町分田８８－２７</t>
  </si>
  <si>
    <t>0350</t>
  </si>
  <si>
    <t>富山市二口町１－８－５</t>
  </si>
  <si>
    <t>富山県富山市二口町１－８－５</t>
  </si>
  <si>
    <t>0351</t>
  </si>
  <si>
    <t>富山市長江新町４－３－４０</t>
  </si>
  <si>
    <t>0364</t>
  </si>
  <si>
    <t>Ｌｅ・ＲＥＰＯｓ ＤＥＵＸＩＥ`ＭＥ（ル・レポ　ドゥーズィエム）</t>
  </si>
  <si>
    <t>富山市婦中町板倉２９－１</t>
  </si>
  <si>
    <t>ｆｌｏｒ</t>
  </si>
  <si>
    <t>富山市新根塚町２－７－７</t>
  </si>
  <si>
    <t>富山県富山市新根塚町２－７－７</t>
  </si>
  <si>
    <t>ＣＨＵＢＢＹ（チャビー）</t>
  </si>
  <si>
    <t>富山市下赤江町２－１４－７６</t>
  </si>
  <si>
    <t>0369</t>
  </si>
  <si>
    <t>富山市山室１４９－９</t>
  </si>
  <si>
    <t>ＳＷＥＥＴ</t>
  </si>
  <si>
    <t>富山市根塚町４－３－１０</t>
  </si>
  <si>
    <t>0372</t>
  </si>
  <si>
    <t>３ｐｉｅｃｅ</t>
  </si>
  <si>
    <t>富山市上冨居３－４－１８</t>
  </si>
  <si>
    <t>0373</t>
  </si>
  <si>
    <t>美容室リミックス</t>
  </si>
  <si>
    <t>富山市新庄銀座４９３</t>
  </si>
  <si>
    <t>0374</t>
  </si>
  <si>
    <t>アースカラー</t>
  </si>
  <si>
    <t>富山市金代１４０－６</t>
  </si>
  <si>
    <t>アースヒルズ１Ｆ</t>
  </si>
  <si>
    <t>0375</t>
  </si>
  <si>
    <t>ａｇｒｅｅ　ａｂｌｅ</t>
  </si>
  <si>
    <t>富山市元町１－１－１３</t>
  </si>
  <si>
    <t>ＰＩＮＯ</t>
  </si>
  <si>
    <t>富山市宮尾３０９９－９</t>
  </si>
  <si>
    <t>0378</t>
  </si>
  <si>
    <t>憩いの美容室ヴィーヴル</t>
  </si>
  <si>
    <t>富山市赤田８５１－６</t>
  </si>
  <si>
    <t>0379</t>
  </si>
  <si>
    <t>ワームスヘアー</t>
  </si>
  <si>
    <t>富山市上飯野２－５０</t>
  </si>
  <si>
    <t>0380</t>
  </si>
  <si>
    <t>ｈａｉｒ　ｌｏｖｅｒｓ　ＳＩＭＰＬＥ</t>
  </si>
  <si>
    <t>富山市婦中町笹倉９７</t>
  </si>
  <si>
    <t>富山県富山市婦中町笹倉９７</t>
  </si>
  <si>
    <t>0383</t>
  </si>
  <si>
    <t>ビューティスポット　彩佳</t>
  </si>
  <si>
    <t>富山市堀川小泉町１－７－２</t>
  </si>
  <si>
    <t>リッツ美容室</t>
  </si>
  <si>
    <t>富山市向新庄町２１６－１</t>
  </si>
  <si>
    <t>美容室みょんみょん　山室</t>
  </si>
  <si>
    <t>0385</t>
  </si>
  <si>
    <t>美容室ひとり</t>
  </si>
  <si>
    <t>富山市吉作１１４４</t>
  </si>
  <si>
    <t>0387</t>
  </si>
  <si>
    <t>あとりえ　ティンカーベル</t>
  </si>
  <si>
    <t>美庵</t>
  </si>
  <si>
    <t>富山市八尾町黒田３４４６－１</t>
  </si>
  <si>
    <t>0391</t>
  </si>
  <si>
    <t>ｈａｉｒ’ｓ　ｍｉｎｔ</t>
  </si>
  <si>
    <t>富山市町村１１９－２</t>
  </si>
  <si>
    <t>サンコレクトビル２Ａ</t>
  </si>
  <si>
    <t>0392</t>
  </si>
  <si>
    <t>ａｎｔ</t>
  </si>
  <si>
    <t>富山市布目１０７５－１</t>
  </si>
  <si>
    <t>0393</t>
  </si>
  <si>
    <t>アン・ボーテ</t>
  </si>
  <si>
    <t>富山市堀川小泉町１－７－５</t>
  </si>
  <si>
    <t>フタバビル１Ｆ</t>
  </si>
  <si>
    <t>富山県富山市東大久保４０５－３</t>
  </si>
  <si>
    <t>ａｔ　ｅａｓｅ</t>
  </si>
  <si>
    <t>ＣＯＬＯＲ</t>
  </si>
  <si>
    <t>富山市黒崎１３９－３</t>
  </si>
  <si>
    <t>ｈａｉｒ　Ｓｅｅ－Ｓｏｏ</t>
  </si>
  <si>
    <t>富山市新根塚町１－１－５２</t>
  </si>
  <si>
    <t>フィールトゥビル東館</t>
  </si>
  <si>
    <t>0398</t>
  </si>
  <si>
    <t>富山市石金２－６－２３</t>
  </si>
  <si>
    <t>髪結　Ｊｅｓｓｅ</t>
  </si>
  <si>
    <t>富山市八尾町福島６－２－２</t>
  </si>
  <si>
    <t>0400</t>
  </si>
  <si>
    <t>ア・ラ・ファミール</t>
  </si>
  <si>
    <t>富山市今泉３２６－１</t>
  </si>
  <si>
    <t>0529</t>
  </si>
  <si>
    <t>Ｅａｓｔ</t>
  </si>
  <si>
    <t>富山市東中野３－４－１２</t>
  </si>
  <si>
    <t>Ｌｅｄｙ</t>
  </si>
  <si>
    <t>富山市経堂３－８－１９</t>
  </si>
  <si>
    <t>0531</t>
  </si>
  <si>
    <t>ＡＢＯＶＥ＆ＢＥＹＯＮＤ</t>
  </si>
  <si>
    <t>富山市天正寺３７－２２</t>
  </si>
  <si>
    <t>0496</t>
  </si>
  <si>
    <t>美容室Ａｍｉ</t>
  </si>
  <si>
    <t>富山市水橋上条新町７－５</t>
  </si>
  <si>
    <t>0639</t>
  </si>
  <si>
    <t>0535</t>
  </si>
  <si>
    <t>ｃｏｉｆｆｕｒｅ　ｂｏｎｔｏｎ</t>
  </si>
  <si>
    <t>富山市中野新町２－１－１１</t>
  </si>
  <si>
    <t>Ｉ’ｓ　Ｎｅｗ　Ｙｏｒｋ　ＰＲＥＭＩＵＭ ＴＯＹＡＭＡ</t>
  </si>
  <si>
    <t>富山市中川原１７３－１</t>
  </si>
  <si>
    <t>石川県野々市市本町２－１－３２</t>
  </si>
  <si>
    <t>0792</t>
  </si>
  <si>
    <t>ＳＵＣＣＥＳＳ　西町店</t>
  </si>
  <si>
    <t>富山市堤町通り１－４－２０</t>
  </si>
  <si>
    <t>西町プレミア１Ｆ</t>
  </si>
  <si>
    <t>ヘアースタジオ　リアン</t>
  </si>
  <si>
    <t>富山市中川原５０７</t>
  </si>
  <si>
    <t>富山県富山市中川原５０７</t>
  </si>
  <si>
    <t>0540</t>
  </si>
  <si>
    <t>Ｂｅｔｔｙ</t>
  </si>
  <si>
    <t>富山市黒崎３１１－１</t>
  </si>
  <si>
    <t>0541</t>
  </si>
  <si>
    <t>ｖｉｔ　ｃａｎｖａｓ</t>
  </si>
  <si>
    <t>富山市婦中町夢ケ丘２２２－２</t>
  </si>
  <si>
    <t>0542</t>
  </si>
  <si>
    <t>ＨＡＩＲ ＣＯＣＯ</t>
  </si>
  <si>
    <t>富山市秋吉１３８－１０</t>
  </si>
  <si>
    <t>イブ美容室</t>
  </si>
  <si>
    <t>富山市婦中町田屋１２３２番地</t>
  </si>
  <si>
    <t>0545</t>
  </si>
  <si>
    <t>Ｂａｍｂｉ</t>
  </si>
  <si>
    <t>富山市上大久保１５７８－４</t>
  </si>
  <si>
    <t>0546</t>
  </si>
  <si>
    <t>富山市大泉１０－３</t>
  </si>
  <si>
    <t>美容室　ケイ　プラス</t>
  </si>
  <si>
    <t>富山市本郷町５区１３０－８</t>
  </si>
  <si>
    <t>0548</t>
  </si>
  <si>
    <t>美容室　ＫＩＲＡＫＵ</t>
  </si>
  <si>
    <t>富山市田中町１－８－２５</t>
  </si>
  <si>
    <t>Ｈａｉｒ　Ｒｏｏｍ　Ｖｉｔａ</t>
  </si>
  <si>
    <t>富山市婦中町上田島１２５－１３</t>
  </si>
  <si>
    <t>0550</t>
  </si>
  <si>
    <t>ジュリア・オージェ　総曲輪フェリオ店</t>
  </si>
  <si>
    <t>富山市総曲輪３－８－６</t>
  </si>
  <si>
    <t>総曲輪フェリオ３Ｆ</t>
  </si>
  <si>
    <t>0552</t>
  </si>
  <si>
    <t>ａｉｌｅｓ</t>
  </si>
  <si>
    <t>中山ビル１ＦＢ</t>
  </si>
  <si>
    <t>0553</t>
  </si>
  <si>
    <t>ヘアードクター　ｈａｒｕ</t>
  </si>
  <si>
    <t>富山市婦中町千里３０４－１</t>
  </si>
  <si>
    <t>ＡＤＥＬ</t>
  </si>
  <si>
    <t>富山市八尾町黒田２７－８</t>
  </si>
  <si>
    <t>ベレット</t>
  </si>
  <si>
    <t>富山市太田８１－１</t>
  </si>
  <si>
    <t>富山県黒部市三日市１０４８</t>
  </si>
  <si>
    <t>0401</t>
  </si>
  <si>
    <t>Ｄｏｏｌｅ</t>
  </si>
  <si>
    <t>富山市奥田双葉町１－３５　２Ｆ</t>
  </si>
  <si>
    <t>富山県富山市奥田双葉町１－４１</t>
  </si>
  <si>
    <t>0402</t>
  </si>
  <si>
    <t>Ｄａｉｓｙ　ｈａｉｒ</t>
  </si>
  <si>
    <t>富山市大泉本町２－５－２２</t>
  </si>
  <si>
    <t>0403</t>
  </si>
  <si>
    <t>富山県富山市上赤江町２－１１－３</t>
  </si>
  <si>
    <t>美容プラージュ　富山上冨居店</t>
  </si>
  <si>
    <t>富山市上冨居新町４－１１</t>
  </si>
  <si>
    <t>0408</t>
  </si>
  <si>
    <t>富山市向新庄町１－５－１２</t>
  </si>
  <si>
    <t>Ａｎｇａｇａ</t>
  </si>
  <si>
    <t>0410</t>
  </si>
  <si>
    <t>富山市越前町３－５</t>
  </si>
  <si>
    <t>谷川ビル１Ｆ</t>
  </si>
  <si>
    <t>0411</t>
  </si>
  <si>
    <t>Ｂｒｏｗｎｉｅ</t>
  </si>
  <si>
    <t>富山市婦中町下坂倉２５－４</t>
  </si>
  <si>
    <t>0412</t>
  </si>
  <si>
    <t>Ｈａｉｒ＆Ｍａｋｅ　ＥＡＲＴＨ</t>
  </si>
  <si>
    <t>富山市婦中町希望ケ丘５０１－１</t>
  </si>
  <si>
    <t>東京都渋谷区渋谷２－１－１</t>
  </si>
  <si>
    <t>Ｆｏｏ　ｈａｉｒ</t>
  </si>
  <si>
    <t>ｃｉｎｑ　ｓａｌｏｎ（サンクサロン）</t>
  </si>
  <si>
    <t>富山市越前町２－６</t>
  </si>
  <si>
    <t>オオタビル１Ｆ</t>
  </si>
  <si>
    <t>富山市呉羽町３７２７－８</t>
  </si>
  <si>
    <t>ｈａｉｒ　ｍａｋｅ　ｂｒａｎｃｈ</t>
  </si>
  <si>
    <t>富山市五福末広町１１９９</t>
  </si>
  <si>
    <t>津林ビル１Ｆ</t>
  </si>
  <si>
    <t>0418</t>
  </si>
  <si>
    <t>Ｓｈｉｐｓ　</t>
  </si>
  <si>
    <t>富山市千代田町１－６</t>
  </si>
  <si>
    <t>0420</t>
  </si>
  <si>
    <t>ｄｅ　ｃｉｓｅａｕｘ（デ　シソー）</t>
  </si>
  <si>
    <t>富山市北新町２－３－３６</t>
  </si>
  <si>
    <t>Ｔ－ＣＵＢＥ　１Ｆ</t>
  </si>
  <si>
    <t>0421</t>
  </si>
  <si>
    <t>ニコット</t>
  </si>
  <si>
    <t>富山市雄山町２－６</t>
  </si>
  <si>
    <t>0422</t>
  </si>
  <si>
    <t>0654</t>
  </si>
  <si>
    <t>カットコムズ　山室店</t>
  </si>
  <si>
    <t>0688</t>
  </si>
  <si>
    <t>0424</t>
  </si>
  <si>
    <t>カットコムズ</t>
  </si>
  <si>
    <t>富山市新富町１－２－３</t>
  </si>
  <si>
    <t>ｈｅｉｒ　Ｒｏｏｍ　ｅ’ｓ</t>
  </si>
  <si>
    <t>富山市千代田町９－４５</t>
  </si>
  <si>
    <t>ｈａｉｒ　Ａｎｇｅ</t>
  </si>
  <si>
    <t>富山市三上１０－１</t>
  </si>
  <si>
    <t>0428</t>
  </si>
  <si>
    <t>フェリーチェ</t>
  </si>
  <si>
    <t>富山市太郎丸西町２－７－４</t>
  </si>
  <si>
    <t>0429</t>
  </si>
  <si>
    <t>美容室　ＪＯＹ</t>
  </si>
  <si>
    <t>富山市山室荒屋１５－２３</t>
  </si>
  <si>
    <t>0430</t>
  </si>
  <si>
    <t>美容室　ゆらり</t>
  </si>
  <si>
    <t>富山市堀３３２</t>
  </si>
  <si>
    <t>美容室　ミント</t>
  </si>
  <si>
    <t>0432</t>
  </si>
  <si>
    <t>富山市婦中町速星１０２６－１</t>
  </si>
  <si>
    <t>Ｌ’ａｉｒ　ｄｏｕｘ　（レール　ドゥ）</t>
  </si>
  <si>
    <t>富山市開６５４－１</t>
  </si>
  <si>
    <t>0437</t>
  </si>
  <si>
    <t>富山市茶屋町７９－１０</t>
  </si>
  <si>
    <t>ＳＥＣＯＮＤ・ＷＡＶＥ（セカンド・ウェーブ）</t>
  </si>
  <si>
    <t>富山市上冨居２－１１－２７</t>
  </si>
  <si>
    <t>0441</t>
  </si>
  <si>
    <t>ＡＸＥ（アクス）</t>
  </si>
  <si>
    <t>富山市堀５４－１</t>
  </si>
  <si>
    <t>0442</t>
  </si>
  <si>
    <t>富山市呉羽町７２７９－６</t>
  </si>
  <si>
    <t>Ｈａｉｒ　ＲＯＪＪ（ヘアー　ロッジ）</t>
  </si>
  <si>
    <t>ヘアールーム　ミント</t>
  </si>
  <si>
    <t>0446</t>
  </si>
  <si>
    <t>ＵＮＩＣＡ（ユニカ）</t>
  </si>
  <si>
    <t>富山市大泉東町１－１０－４</t>
  </si>
  <si>
    <t>丸芳ビル１Ｆ東</t>
  </si>
  <si>
    <t>0447</t>
  </si>
  <si>
    <t>Ｆａｎ　Ｈａｉｒ</t>
  </si>
  <si>
    <t>富山市新根塚町２－１１－２４</t>
  </si>
  <si>
    <t>0448</t>
  </si>
  <si>
    <t>ＴＯＮＥＲＩＣＯ（トネリコ）</t>
  </si>
  <si>
    <t>富山市藤木１６２２－１</t>
  </si>
  <si>
    <t>0449</t>
  </si>
  <si>
    <t>美容室　シェリーズ</t>
  </si>
  <si>
    <t>富山市婦中町板倉４７１－１</t>
  </si>
  <si>
    <t>0450</t>
  </si>
  <si>
    <t>シェール・ピエール</t>
  </si>
  <si>
    <t>富山市総曲輪３－２－１７</t>
  </si>
  <si>
    <t>２Ｆ</t>
  </si>
  <si>
    <t>0451</t>
  </si>
  <si>
    <t>0656</t>
  </si>
  <si>
    <t>ＰＩＮＥ　ＨＩＬＬＳ</t>
  </si>
  <si>
    <t>富山市婦中町高日附９０６－１８</t>
  </si>
  <si>
    <t>0456</t>
  </si>
  <si>
    <t>ブランシェ富山店</t>
  </si>
  <si>
    <t>富山市上袋６１０－１</t>
  </si>
  <si>
    <t>石川県金沢市二口町ニ５３－１</t>
  </si>
  <si>
    <t>0457</t>
  </si>
  <si>
    <t>Ｐｒｉｍｅ　ｈａｉｒ　ｗｏｒｋｓ</t>
  </si>
  <si>
    <t>川筋ビル１Ｆ</t>
  </si>
  <si>
    <t>第一ＫＫビル２Ｆ</t>
  </si>
  <si>
    <t>東京都杉並区高円寺北３－８－１２　フデノビル３Ｆ</t>
  </si>
  <si>
    <t>0461</t>
  </si>
  <si>
    <t>富山市堤町通り１－３－１</t>
  </si>
  <si>
    <t>ガジュマル</t>
  </si>
  <si>
    <t>富山市婦中町持田１３４－１</t>
  </si>
  <si>
    <t>0462</t>
  </si>
  <si>
    <t>髪剪處　満天の湯富山店</t>
  </si>
  <si>
    <t>満天の湯富山店内</t>
  </si>
  <si>
    <t>カットコムズ　アピタ富山東店</t>
  </si>
  <si>
    <t>富山市上冨居３－８－３８</t>
  </si>
  <si>
    <t>アピタ富山東店２Ｆ</t>
  </si>
  <si>
    <t>ｈａｉｒ　ｒｕｍａｈ（ヘアー　ルマー）</t>
  </si>
  <si>
    <t>富山市清水町２－６－３</t>
  </si>
  <si>
    <t>0466</t>
  </si>
  <si>
    <t>10miL renovation（ディスミル　リノベーション）</t>
  </si>
  <si>
    <t>富山市黒崎７５－１　１Ｆ</t>
  </si>
  <si>
    <t>0467</t>
  </si>
  <si>
    <t>ｐｅｔｉｔ　ｐｒｉｍａ</t>
  </si>
  <si>
    <t>富山市大島２－４７－１</t>
  </si>
  <si>
    <t>0468</t>
  </si>
  <si>
    <t>富山市大泉１２８０－１１</t>
  </si>
  <si>
    <t>アピアショッピングセンター１Ｆ</t>
  </si>
  <si>
    <t>0470</t>
  </si>
  <si>
    <t>ヘアーサロン　結愛（ユア）</t>
  </si>
  <si>
    <t>富山市月岡町４－８７</t>
  </si>
  <si>
    <t>0472</t>
  </si>
  <si>
    <t>Ｈａｉｒ　Ｄｅｓｉｇｎ　Ｒａｎａ</t>
  </si>
  <si>
    <t>富山市手屋２－１－２８</t>
  </si>
  <si>
    <t>0473</t>
  </si>
  <si>
    <t>株式会社　ＴＹＲＡＮＮ</t>
  </si>
  <si>
    <t>富山市蛯町２－２</t>
  </si>
  <si>
    <t>富山市西大泉１６－１６</t>
  </si>
  <si>
    <t>0475</t>
  </si>
  <si>
    <t>富山市太郎丸西町１－３－４</t>
  </si>
  <si>
    <t>Ｕｎ　ｎｏｕｖｅｌｌｅ（アン　ヌーベル）</t>
  </si>
  <si>
    <t>富山市五福新町５４６５－５</t>
  </si>
  <si>
    <t>富山県富山市五福５４６５－５</t>
  </si>
  <si>
    <t>Beauty Salon＊Kayo.co</t>
  </si>
  <si>
    <t>富山市開８８</t>
  </si>
  <si>
    <t>0479</t>
  </si>
  <si>
    <t>富山市布瀬町南３－６－１０</t>
  </si>
  <si>
    <t>0480</t>
  </si>
  <si>
    <t>ＲＡＴＮＡ（ラトナ）</t>
  </si>
  <si>
    <t>富山市丸の内３－３－６</t>
  </si>
  <si>
    <t>井上ビル１Ｆ</t>
  </si>
  <si>
    <t>ＳＡＬＯＮ　Ｃｅｓｔｏ（チェスト）</t>
  </si>
  <si>
    <t>セモンテビル１０３</t>
  </si>
  <si>
    <t>富山県富山市堀川町３００　セモンテビル１０３</t>
  </si>
  <si>
    <t>ＬＩＤＯ新庄店</t>
  </si>
  <si>
    <t>富山市新庄銀座３－２１３－１</t>
  </si>
  <si>
    <t>富山県黒部市堀高９４－１</t>
  </si>
  <si>
    <t>0485</t>
  </si>
  <si>
    <t>Ｓａｌｏｎ　ｄｅ　Ｇｒｅｃｏ</t>
  </si>
  <si>
    <t>富山市向新庄２１６－１</t>
  </si>
  <si>
    <t>0486</t>
  </si>
  <si>
    <t>ＳＨｉＮＥ</t>
  </si>
  <si>
    <t>富山市上新保２６５</t>
  </si>
  <si>
    <t>ＰＡＣＡＲ　ＨＡＩＲ（パチャール　ヘアー）</t>
  </si>
  <si>
    <t>ウイングヒル１－Ａ号</t>
  </si>
  <si>
    <t>エステサロン　りいる</t>
  </si>
  <si>
    <t>富山市鍋田２３－２９</t>
  </si>
  <si>
    <t>0492</t>
  </si>
  <si>
    <t>Ｐａｒｔｉｒｅ（パルティーレ）</t>
  </si>
  <si>
    <t>ブレイン東中野１０３</t>
  </si>
  <si>
    <t>0494</t>
  </si>
  <si>
    <t>美容室　かおり</t>
  </si>
  <si>
    <t>富山市呉羽町１９７５</t>
  </si>
  <si>
    <t>Ｈａｉｒ　Ｃｏｎｃｉｅｒ　ＭＩＲＡＩ</t>
  </si>
  <si>
    <t>富山市山室３０３－４</t>
  </si>
  <si>
    <t>ｈａｉｒ　ｓａｌｏｎ　Ｎａｔｕｒａ</t>
  </si>
  <si>
    <t>富山市開１３８８</t>
  </si>
  <si>
    <t>0497</t>
  </si>
  <si>
    <t>富山市新根塚町３－４－３</t>
  </si>
  <si>
    <t>0672</t>
  </si>
  <si>
    <t>美容室　Ａｌｉｃｅ</t>
  </si>
  <si>
    <t>富山市八尾町井田２１４－２</t>
  </si>
  <si>
    <t>0706</t>
  </si>
  <si>
    <t>0499</t>
  </si>
  <si>
    <t>美容室エースカフェ</t>
  </si>
  <si>
    <t>富山市大泉中町３－４</t>
  </si>
  <si>
    <t>0500</t>
  </si>
  <si>
    <t>Ａｌｌｏｎｓ！</t>
  </si>
  <si>
    <t>富山市豊田町１－１２－１</t>
  </si>
  <si>
    <t>ＢＯＮ　ｆｅｌｉｚ（ボン　フェリス）</t>
  </si>
  <si>
    <t>アンソレイユＢ－２</t>
  </si>
  <si>
    <t>富山県富山市掛尾町４５３</t>
  </si>
  <si>
    <t>0502</t>
  </si>
  <si>
    <t>富山市町村１－１８９－４</t>
  </si>
  <si>
    <t>富山県富山市町村１－１８９－４</t>
  </si>
  <si>
    <t>ＪＯＵＩＲ　ＨＡＩＲ（ジュイール　ヘアー）</t>
  </si>
  <si>
    <t>富山市平吹町７－１１　１Ｆ</t>
  </si>
  <si>
    <t>0505</t>
  </si>
  <si>
    <t>Hair&amp;Make ange aimable（アンジュ　エマーブル）</t>
  </si>
  <si>
    <t>富山市小杉２０６８</t>
  </si>
  <si>
    <t>Ｃａｐｏｏｒ（カプーア）</t>
  </si>
  <si>
    <t>富山市千石町２－６－５</t>
  </si>
  <si>
    <t>白樺マンション１Ｆ</t>
  </si>
  <si>
    <t>美容室　ラブリー</t>
  </si>
  <si>
    <t>富山市神通町３－４－１３</t>
  </si>
  <si>
    <t>0509</t>
  </si>
  <si>
    <t>ヘア　アンスリール</t>
  </si>
  <si>
    <t>富山市山室３１３－７</t>
  </si>
  <si>
    <t>アンビシャス</t>
  </si>
  <si>
    <t>富山市二口町２－６－１０</t>
  </si>
  <si>
    <t>hair room Fika（ヘアールーム　フィーカ）</t>
  </si>
  <si>
    <t>富山市松若町８－３７</t>
  </si>
  <si>
    <t>カナヤ美容室</t>
  </si>
  <si>
    <t>富山市奥田寿町１９－１－１０８</t>
  </si>
  <si>
    <t>0513</t>
  </si>
  <si>
    <t>ＡＵＮＩＬ（アウニル）</t>
  </si>
  <si>
    <t>富山市東中野町３－５－８</t>
  </si>
  <si>
    <t>0514</t>
  </si>
  <si>
    <t>ヘアーアンドスペース　オーオー</t>
  </si>
  <si>
    <t>富山市羽根６４－２</t>
  </si>
  <si>
    <t>0516</t>
  </si>
  <si>
    <t>ル・アンジェ</t>
  </si>
  <si>
    <t>富山市婦中町笹倉２００－１</t>
  </si>
  <si>
    <t>ＢＩＪＯＵ　ＢＬＡＮＣ（ビジョ　ブラン）</t>
  </si>
  <si>
    <t>富山市北代３６８０－１</t>
  </si>
  <si>
    <t>0518</t>
  </si>
  <si>
    <t>エイチ　ビー　シー</t>
  </si>
  <si>
    <t>富山市総曲輪３－５－１３</t>
  </si>
  <si>
    <t>0519</t>
  </si>
  <si>
    <t>Hair design Four Chest（ヘアデザイン　フォア　チェスト）</t>
  </si>
  <si>
    <t>富山市千代田町１０－３０</t>
  </si>
  <si>
    <t>0520</t>
  </si>
  <si>
    <t>青山ビル１０２</t>
  </si>
  <si>
    <t>ｂｅｌｌｅ　ｈａｉｒ　ｒｏｏｍ</t>
  </si>
  <si>
    <t>富山市黒瀬北町１－１－１７</t>
  </si>
  <si>
    <t>0522</t>
  </si>
  <si>
    <t>ラフス　ヘア　デザイン</t>
  </si>
  <si>
    <t>富山市五福６区１９２２－４　</t>
  </si>
  <si>
    <t>サンライズカルティエパーク１Ｆ</t>
  </si>
  <si>
    <t>ＬＩＤＯ　婦中店</t>
  </si>
  <si>
    <t>富山市婦中町分田１５７</t>
  </si>
  <si>
    <t>Ｈａｉｒ　Ｓａｌｏｎ　ｅｃｒｕ</t>
  </si>
  <si>
    <t>富山市宮園町１１７－４</t>
  </si>
  <si>
    <t>ハウスオブビューティー＆カルチャー</t>
  </si>
  <si>
    <t>富山市総曲輪３－５－１０　</t>
  </si>
  <si>
    <t>0528</t>
  </si>
  <si>
    <t>Ｌｉｎｅ</t>
  </si>
  <si>
    <t>富山市総曲輪４－１０－２１　１Ｆ</t>
  </si>
  <si>
    <t>グランボーテ　富山</t>
  </si>
  <si>
    <t>富山市二口町５－１０－２</t>
  </si>
  <si>
    <t>富山市総曲輪３－５－１</t>
  </si>
  <si>
    <t>ビューティアート　クリップ</t>
  </si>
  <si>
    <t>富山市丸の内２－２－１４</t>
  </si>
  <si>
    <t>鎧塚　亜未</t>
  </si>
  <si>
    <t>富山県富山市布瀬町南１－１６－３　第二ＴＢスクエアー１０１</t>
  </si>
  <si>
    <t>0559</t>
  </si>
  <si>
    <t>Ｍｕｔｔｉ　Ｐｕｃｃｉ</t>
  </si>
  <si>
    <t>富山市山室１７５－３</t>
  </si>
  <si>
    <t>ｏｈａｃｏ　ｂｉｙｏｕｓｈｉｔｓｕ</t>
  </si>
  <si>
    <t>富山市千石町５－３－２８</t>
  </si>
  <si>
    <t>0561</t>
  </si>
  <si>
    <t>ｏｗｌ</t>
  </si>
  <si>
    <t>0562</t>
  </si>
  <si>
    <t>Ｌｕｄｗｉｇ（ルートヴィッヒ）</t>
  </si>
  <si>
    <t>富山市二口町４－９－１０</t>
  </si>
  <si>
    <t>アオイビル１０３</t>
  </si>
  <si>
    <t>0652</t>
  </si>
  <si>
    <t>トータルビューティーサロンＳａｂｒｉｎａ（サブリナ）</t>
  </si>
  <si>
    <t>林ビル２Ｆ</t>
  </si>
  <si>
    <t>0564</t>
  </si>
  <si>
    <t>ａｎｃ　ｈａｉｒ（アンク　ヘアー）</t>
  </si>
  <si>
    <t>富山市大町２２７－３</t>
  </si>
  <si>
    <t>富山市西山王町８－２７－１</t>
  </si>
  <si>
    <t>0567</t>
  </si>
  <si>
    <t>ａｉｎ　ｇｒａｐｈ（アン　グラフ）</t>
  </si>
  <si>
    <t>グリーンハイツ１Ｆ</t>
  </si>
  <si>
    <t>0570</t>
  </si>
  <si>
    <t>美容室　蓮</t>
  </si>
  <si>
    <t>富山市二口町３－７－８</t>
  </si>
  <si>
    <t>二口マンション１Ｆ</t>
  </si>
  <si>
    <t>0571</t>
  </si>
  <si>
    <t>ＪＵＭＰ　ＭＡＲＵＹＡＭＡ</t>
  </si>
  <si>
    <t>１Ｆ・２Ｆ</t>
  </si>
  <si>
    <t>0572</t>
  </si>
  <si>
    <t>富山市開ケ丘４３－６</t>
  </si>
  <si>
    <t>富山県富山市開ケ丘４３－６</t>
  </si>
  <si>
    <t>富山市赤田５７２－２</t>
  </si>
  <si>
    <t>ＨＡＩＲ　ＤＲＥＳＳＩＮＧ　ＳＡＬＯＯＮ　浅名</t>
  </si>
  <si>
    <t>富山市婦中町速星１区３０４－１</t>
  </si>
  <si>
    <t>0575</t>
  </si>
  <si>
    <t>ｈａｉｒｍａｋｅ　Ｅｎｃｈａｎｔｅ</t>
  </si>
  <si>
    <t>富山市綾田町１－３－１３</t>
  </si>
  <si>
    <t>0577</t>
  </si>
  <si>
    <t>富山市森３－３－４８</t>
  </si>
  <si>
    <t>0578</t>
  </si>
  <si>
    <t>ヘアーパーク・ヴュー</t>
  </si>
  <si>
    <t>0579</t>
  </si>
  <si>
    <t>ＳＯＵＳＨＩＮオフィス姫神</t>
  </si>
  <si>
    <t>富山市住吉町１－７－２２</t>
  </si>
  <si>
    <t>0580</t>
  </si>
  <si>
    <t>ＨＡＩＲ　ＳＡＬＯＮ　ＷＩＴＣＨ</t>
  </si>
  <si>
    <t>富山市布瀬本町１２－１０</t>
  </si>
  <si>
    <t>Ｍｍｍ</t>
  </si>
  <si>
    <t>富山市新根塚町１－１－６０</t>
  </si>
  <si>
    <t>フィールトゥービル西館２Ｆ</t>
  </si>
  <si>
    <t>0584</t>
  </si>
  <si>
    <t>ＶＥＬＩＣＡ　ＦＯＬＭ：</t>
  </si>
  <si>
    <t>富山市二口町２－５－１１</t>
  </si>
  <si>
    <t>パティオ二口Ｂ</t>
  </si>
  <si>
    <t>富山県富山市二口町２－５－１１　パティオ二口Ｂ棟</t>
  </si>
  <si>
    <t>0585</t>
  </si>
  <si>
    <t>美容室　Ｐｌａｉｒｅ</t>
  </si>
  <si>
    <t>富山市中島２－３－２０</t>
  </si>
  <si>
    <t>Ｅｙｅｌａｓｈ　Ｓａｌｏｎ　Ｂｌａｎｃ</t>
  </si>
  <si>
    <t>富山ステーションフロントＣｉＣ２Ｆ</t>
  </si>
  <si>
    <t>大阪府大阪市淀川区西中島３－１０－１３　物産ビル９０５号室</t>
  </si>
  <si>
    <t>0588</t>
  </si>
  <si>
    <t>美容室　Ｊ．ｓｍｉｌｅ</t>
  </si>
  <si>
    <t>マルソメコムズ　山室店</t>
  </si>
  <si>
    <t>グリーンモール山室内１Ｆ</t>
  </si>
  <si>
    <t>Ａｇｕ　ｈａｉｒ　ｓｈｉｎｅ</t>
  </si>
  <si>
    <t>富山市羽根１４０７－２</t>
  </si>
  <si>
    <t>宮城県仙台市青葉区本町１－２－６　第二志ら梅ビル２階</t>
  </si>
  <si>
    <t>0737</t>
  </si>
  <si>
    <t>ＨＡＩＲ　ＳＴＵＤＩＯ　ＮＯＭＥ（ノーム）</t>
  </si>
  <si>
    <t>富山市旭町３－３　１Ｆ</t>
  </si>
  <si>
    <t>0738</t>
  </si>
  <si>
    <t>Private Hair Relaxation ＢＥＮＩ</t>
  </si>
  <si>
    <t>富山市町村１３４－３</t>
  </si>
  <si>
    <t>Ｙ＆Ｍハウス１Ｆ</t>
  </si>
  <si>
    <t>0740</t>
  </si>
  <si>
    <t>ＧＩＢＢＯＵＳ　ＭＯＯＮ（ギボス　ムーン）</t>
  </si>
  <si>
    <t>富山市石坂新９６２－１</t>
  </si>
  <si>
    <t>ヘアーロータス</t>
  </si>
  <si>
    <t>ＭＡＱＵＩＡ（マキア）南富山駅前店</t>
  </si>
  <si>
    <t>富山市大町２８２</t>
  </si>
  <si>
    <t>サザンコート１Ｆ</t>
  </si>
  <si>
    <t>0744</t>
  </si>
  <si>
    <t>ＳＴＡＲ　ｈａｉｒｍａｋｅ　スターヘアメイク</t>
  </si>
  <si>
    <t>富山市茶屋町４７７</t>
  </si>
  <si>
    <t>Ｆｏｒ　Ｙｏｕビル１Ｆ</t>
  </si>
  <si>
    <t>0745</t>
  </si>
  <si>
    <t>ヘアーガーデン　フィカス</t>
  </si>
  <si>
    <t>富山市婦中町上轡田８０６－２</t>
  </si>
  <si>
    <t>0746</t>
  </si>
  <si>
    <t>フーガ　ネーチャーズ</t>
  </si>
  <si>
    <t>0747</t>
  </si>
  <si>
    <t>ｈａｉｒ　ａｎｄ　ｍａｋｅ　ｃｏｎｔｉｎｕｅ（コンティニュー）</t>
  </si>
  <si>
    <t>富山市新根塚町２－１０－１２</t>
  </si>
  <si>
    <t>富山県高岡市横田町１－１－１１</t>
  </si>
  <si>
    <t>0749</t>
  </si>
  <si>
    <t>マルソメコムズ　アピタ富山店</t>
  </si>
  <si>
    <t>富山市上袋１００－６８</t>
  </si>
  <si>
    <t>アピタ富山店２Ｆ</t>
  </si>
  <si>
    <t>0750</t>
  </si>
  <si>
    <t>0751</t>
  </si>
  <si>
    <t>ＤＥＬＩＧＨＴ（ディライト）花園町店</t>
  </si>
  <si>
    <t>レジデンスムライ１０６</t>
  </si>
  <si>
    <t>富山県富山市婦中町外輪野１１０８１</t>
  </si>
  <si>
    <t>0752</t>
  </si>
  <si>
    <t>Ｋａｎｏｎ（カノン）</t>
  </si>
  <si>
    <t>富山市中川原１９４－１</t>
  </si>
  <si>
    <t>0753</t>
  </si>
  <si>
    <t>ＬＵＡＮＡ（ルアナ）</t>
  </si>
  <si>
    <t>富山市下大久保１８８３－２５</t>
  </si>
  <si>
    <t>0754</t>
  </si>
  <si>
    <t>ｕｎ　ａｎａｎａｓ（アン　アナナ）</t>
  </si>
  <si>
    <t>富山市本郷町８９－３４</t>
  </si>
  <si>
    <t>ピサリ本郷２号室</t>
  </si>
  <si>
    <t>0755</t>
  </si>
  <si>
    <t>ＡＬＥＴＴ（アレット）</t>
  </si>
  <si>
    <t>富山市金代３４４－２</t>
  </si>
  <si>
    <t>ＦＩＲＳＴ　ＳＱＵＡＲＥ　Ｄ棟１０１</t>
  </si>
  <si>
    <t>0756</t>
  </si>
  <si>
    <t>Ｐｒｏｒｓｕｍ（プローサム）</t>
  </si>
  <si>
    <t>富山市婦中町下轡田７１９－３</t>
  </si>
  <si>
    <t>ジュネスマキ２０１</t>
  </si>
  <si>
    <t>0757</t>
  </si>
  <si>
    <t>ＡｔｏＺ　ｈａｉｒ</t>
  </si>
  <si>
    <t>0590</t>
  </si>
  <si>
    <t>Ｃａｌｄｏ</t>
  </si>
  <si>
    <t>アイラッシュサロンＤＩＶＡ</t>
  </si>
  <si>
    <t>富山市二口町４－９－４</t>
  </si>
  <si>
    <t>富山市婦中町田島１１４１－１</t>
  </si>
  <si>
    <t>0595</t>
  </si>
  <si>
    <t>ｍａｒｃｏ</t>
  </si>
  <si>
    <t>0596</t>
  </si>
  <si>
    <t>富山市中央通り１－６－４</t>
  </si>
  <si>
    <t>寺田薬局２Ｆ</t>
  </si>
  <si>
    <t>0597</t>
  </si>
  <si>
    <t>１Ｆ</t>
  </si>
  <si>
    <t>ＨＡＩＲ　ＤＲＥＳＳＩＮＧ　Ｓ＊（ヘアドレッシングエス）</t>
  </si>
  <si>
    <t>0770</t>
  </si>
  <si>
    <t>0599</t>
  </si>
  <si>
    <t>0783</t>
  </si>
  <si>
    <t>ＶＡＮ　ＣＯＵＮＣＩＬ　ＴＯＹＡＭＡ（バン　カウンシル　トヤマ）</t>
  </si>
  <si>
    <t>富山市館出町１－９－１１</t>
  </si>
  <si>
    <t>0763</t>
  </si>
  <si>
    <t>ＣＯＣＯＬＯＮＹ（ココロニー）</t>
  </si>
  <si>
    <t>富山市田中町５－２－２</t>
  </si>
  <si>
    <t>セルビル１Ｆ</t>
  </si>
  <si>
    <t>0778</t>
  </si>
  <si>
    <t>カットコムズ　アピタ富山店</t>
  </si>
  <si>
    <t>富山市上袋１００－１</t>
  </si>
  <si>
    <t>0784</t>
  </si>
  <si>
    <t>0603</t>
  </si>
  <si>
    <t>ｒ’Ａｍｂｌ　ｈａｉｒ（ランブルヘアー）</t>
  </si>
  <si>
    <t>0826</t>
  </si>
  <si>
    <t>ｃｈｅｒｉｍ　ｂｏａｔ</t>
  </si>
  <si>
    <t>0808</t>
  </si>
  <si>
    <t>美容室　わこう</t>
  </si>
  <si>
    <t>富山市向新庄荏原２３３－１１</t>
  </si>
  <si>
    <t>富山市天正寺１２９－２</t>
  </si>
  <si>
    <t>0607</t>
  </si>
  <si>
    <t>富山市小泉町５４－７</t>
  </si>
  <si>
    <t>0608</t>
  </si>
  <si>
    <t>びようしつ　ｍｏｆｕｍｏｆｕ</t>
  </si>
  <si>
    <t>富山市呉羽町６９５４</t>
  </si>
  <si>
    <t>0609</t>
  </si>
  <si>
    <t>Ｆａｍｍｓ（フェイムス）</t>
  </si>
  <si>
    <t>富山市下冨居１－８－２０</t>
  </si>
  <si>
    <t>0610</t>
  </si>
  <si>
    <t>富山市藤木１７３０－１</t>
  </si>
  <si>
    <t>0611</t>
  </si>
  <si>
    <t>エステティック　アン　レーヴ</t>
  </si>
  <si>
    <t>富山市布瀬町南３－４－４</t>
  </si>
  <si>
    <t>0613</t>
  </si>
  <si>
    <t>Ｒｉｓｅ　ｈａｉｒ</t>
  </si>
  <si>
    <t>富山市二口町５－６－９</t>
  </si>
  <si>
    <t>ナカオビル１－１</t>
  </si>
  <si>
    <t>0614</t>
  </si>
  <si>
    <t>Ｍ．Ｒ美容室</t>
  </si>
  <si>
    <t>富山市秋吉新町１０－２９</t>
  </si>
  <si>
    <t>0616</t>
  </si>
  <si>
    <t>Ｈａｉｒ　Ｐｌａｃｅ　Ｃｒｏｃｅ</t>
  </si>
  <si>
    <t>富山市才覚寺５０６－１</t>
  </si>
  <si>
    <t>0618</t>
  </si>
  <si>
    <t>ＨＡＩＲ　ＳＡＬＯＮ　Ｂｅｌｄａｄ</t>
  </si>
  <si>
    <t>富山市掛尾町４７６－２</t>
  </si>
  <si>
    <t>0619</t>
  </si>
  <si>
    <t>サロン・ド・ミナ　美容室</t>
  </si>
  <si>
    <t>富山市奥田双葉町１－３３</t>
  </si>
  <si>
    <t>日の出ハイツ１０１</t>
  </si>
  <si>
    <t>0620</t>
  </si>
  <si>
    <t>ｋｉｌｔｏ．</t>
  </si>
  <si>
    <t>Ｑｕａｉｎｔ　Ｆｅｌｌｏｗ’ｓ</t>
  </si>
  <si>
    <t>富山市清水町５－６－２１</t>
  </si>
  <si>
    <t>西野ビル１Ｆ</t>
  </si>
  <si>
    <t>ＢＩＡＮＣＡ</t>
  </si>
  <si>
    <t>富山市於保多町５－１５</t>
  </si>
  <si>
    <t>Ｈａｉｒ　＆　Ｍａｋｅ　ＣｕＣｕ</t>
  </si>
  <si>
    <t>富山市大町１－１</t>
  </si>
  <si>
    <t>0627</t>
  </si>
  <si>
    <t>ｈａｉｒ　ｍａｋｅ　じゅの</t>
  </si>
  <si>
    <t>富山市呉羽町３９１８－２５０</t>
  </si>
  <si>
    <t>ヘアー　エステ　ｍｅｍｅ</t>
  </si>
  <si>
    <t>富山市高木７１６－３</t>
  </si>
  <si>
    <t>0630</t>
  </si>
  <si>
    <t>Ｓｐｒｉｎｇ</t>
  </si>
  <si>
    <t>富山市鍋田２３－３６</t>
  </si>
  <si>
    <t>0631</t>
  </si>
  <si>
    <t>美容室　バル・クリエ</t>
  </si>
  <si>
    <t>中島ビル１０２</t>
  </si>
  <si>
    <t>ＬＵＣＥ</t>
  </si>
  <si>
    <t>富山市北新町１－１－１０</t>
  </si>
  <si>
    <t>0633</t>
  </si>
  <si>
    <t>美容室　るる</t>
  </si>
  <si>
    <t>富山市平岡３４４４－１</t>
  </si>
  <si>
    <t>0635</t>
  </si>
  <si>
    <t>富山市呉羽町７０１７－１</t>
  </si>
  <si>
    <t>0636</t>
  </si>
  <si>
    <t>美容室ジーニーズ・フォーシーズン</t>
  </si>
  <si>
    <t>富山県富山市太郎丸西町１－８－３</t>
  </si>
  <si>
    <t>0637</t>
  </si>
  <si>
    <t>ｈａｉｒ　ｃｒａｆｔ　ＬａＢ</t>
  </si>
  <si>
    <t>富山市上飯野２０</t>
  </si>
  <si>
    <t>きくら美容室　富山南店</t>
  </si>
  <si>
    <t>富山市二口町４－５－６</t>
  </si>
  <si>
    <t>株式会社　きくら美粧室</t>
  </si>
  <si>
    <t>0640</t>
  </si>
  <si>
    <t>ｐａｔｉｎａ　ｖｅｉｌ</t>
  </si>
  <si>
    <t>富山市西町８－１４</t>
  </si>
  <si>
    <t>0641</t>
  </si>
  <si>
    <t>Ｈａｉｒ　Ｍａｋｅ　Ｌａｒｇｅ</t>
  </si>
  <si>
    <t>富山市西塩野２９０－１</t>
  </si>
  <si>
    <t>0644</t>
  </si>
  <si>
    <t>サロン　ド　ロウジー</t>
  </si>
  <si>
    <t>富山市森２－１３－４５</t>
  </si>
  <si>
    <t>0645</t>
  </si>
  <si>
    <t>富山市婦中町下轡田１５０－４</t>
  </si>
  <si>
    <t>0647</t>
  </si>
  <si>
    <t>0649</t>
  </si>
  <si>
    <t>0650</t>
  </si>
  <si>
    <t>Ｃａｌｍ　ｈａｉｒ</t>
  </si>
  <si>
    <t>富山市婦中町上轡田８０－２１</t>
  </si>
  <si>
    <t>0850</t>
  </si>
  <si>
    <t>0651</t>
  </si>
  <si>
    <t>富山市婦中町小倉１７１－１</t>
  </si>
  <si>
    <t>Ｈａｉｒ　Ｓａｌｏｎ　Ｈａｎａ</t>
  </si>
  <si>
    <t>ＢＲＵＳＨ　ＨＡＩＲ　ＳＰＡＣＥ</t>
  </si>
  <si>
    <t>富山市下堀４１－４</t>
  </si>
  <si>
    <t>松田テナント</t>
  </si>
  <si>
    <t>（株）アートネイチャー　富山店</t>
  </si>
  <si>
    <t>富山市新桜町６－２４</t>
  </si>
  <si>
    <t>ＣＯＩ富山新桜町ビル６Ｆ</t>
  </si>
  <si>
    <t>0655</t>
  </si>
  <si>
    <t>Ｒｉｃｈｅｒヘアケア＆ヘッドスパ</t>
  </si>
  <si>
    <t>0658</t>
  </si>
  <si>
    <t>ＶＩＳＯＡ</t>
  </si>
  <si>
    <t>富山市黒瀬北町１－９－１</t>
  </si>
  <si>
    <t>グレイスハイム１０６号室</t>
  </si>
  <si>
    <t>0657</t>
  </si>
  <si>
    <t>カットコムズ　本郷店</t>
  </si>
  <si>
    <t>富山市本郷町５５－１</t>
  </si>
  <si>
    <t>0659</t>
  </si>
  <si>
    <t>シエスタ　プラス　ラボ</t>
  </si>
  <si>
    <t>富山市高木南１０８－１１</t>
  </si>
  <si>
    <t>0660</t>
  </si>
  <si>
    <t>Ｍｕｌｅ　ＨＡＩＲ</t>
  </si>
  <si>
    <t>Ｒ＆Ｐ　合同会社</t>
  </si>
  <si>
    <t>0662</t>
  </si>
  <si>
    <t>アーム美容室　</t>
  </si>
  <si>
    <t>富山市婦中町長沢２８１２－９</t>
  </si>
  <si>
    <t>0663</t>
  </si>
  <si>
    <t>ＴＪ天気予報　富山環水公園前</t>
  </si>
  <si>
    <t>富山市下新町３２－２６</t>
  </si>
  <si>
    <t>学校法人　富山県理容美容学校</t>
  </si>
  <si>
    <t>富山県富山市下新町３２－２６</t>
  </si>
  <si>
    <t>0664</t>
  </si>
  <si>
    <t>0665</t>
  </si>
  <si>
    <t>メアリスト</t>
  </si>
  <si>
    <t>富山市婦中町砂子田６７</t>
  </si>
  <si>
    <t>富山県富山市婦中町砂子田６７</t>
  </si>
  <si>
    <t>0666</t>
  </si>
  <si>
    <t>美容室キッズ</t>
  </si>
  <si>
    <t>富山市中野新町２－３－８</t>
  </si>
  <si>
    <t>0667</t>
  </si>
  <si>
    <t>ｃｕｏｒｅ　ｒｉｃｃｏ</t>
  </si>
  <si>
    <t>富山市婦中町田島８９６－４</t>
  </si>
  <si>
    <t>0669</t>
  </si>
  <si>
    <t>富山市一番町３－１</t>
  </si>
  <si>
    <t>ポルコ　ロッソ</t>
  </si>
  <si>
    <t>富山市南新町４－４</t>
  </si>
  <si>
    <t>ファイブベル１Ｆ</t>
  </si>
  <si>
    <t>0673</t>
  </si>
  <si>
    <t>Ｈａｉｒ　ｄｅｓｉｇｎ　ＬｉＢ</t>
  </si>
  <si>
    <t>富山市山室３８２－３０</t>
  </si>
  <si>
    <t>0674</t>
  </si>
  <si>
    <t>Ｈａｉｒ　Ｓａｌｏｎ　囃</t>
  </si>
  <si>
    <t>富山市町村５</t>
  </si>
  <si>
    <t>0675</t>
  </si>
  <si>
    <t>ｈａｉｒ　ｒｏｏｍ　Ｃｏｔｔａｎ</t>
  </si>
  <si>
    <t>富山市高木南６０－７０</t>
  </si>
  <si>
    <t>0676</t>
  </si>
  <si>
    <t>株式会社フロール・ライフクリエート</t>
  </si>
  <si>
    <t>0677</t>
  </si>
  <si>
    <t>Ｃｉｍｅ　ｈａｉｒ</t>
  </si>
  <si>
    <t>富山市婦中町東谷１８４－１</t>
  </si>
  <si>
    <t>輪玖</t>
  </si>
  <si>
    <t>富山市婦中町速星６４９－１</t>
  </si>
  <si>
    <t>0678</t>
  </si>
  <si>
    <t>Ｓａｌｏｎ　ｄｅ　Ｍａｔｉｅｒ（サロン　ド　マティエ）</t>
  </si>
  <si>
    <t>富山市磯部町２－４－１３</t>
  </si>
  <si>
    <t>0679</t>
  </si>
  <si>
    <t>ヘアーサロン　プティ</t>
  </si>
  <si>
    <t>富山市高畠町１－１０－５０</t>
  </si>
  <si>
    <t>0680</t>
  </si>
  <si>
    <t>Ｈａｉｒ　Ｓａｌｏｎｅ　Ｒｉｇｏｌｅｔｔｏ</t>
  </si>
  <si>
    <t>富山市婦中町添島字大久保８１０－９</t>
  </si>
  <si>
    <t>ＡＬＥＸＡＮＤＬＥ　ＯＦ　ＣＯＬＯＲＳ　ＴＯＹＡＭＡ</t>
  </si>
  <si>
    <t>富山市掛尾町６４－１</t>
  </si>
  <si>
    <t>0682</t>
  </si>
  <si>
    <t>アン＆ホリー　スタイル</t>
  </si>
  <si>
    <t>村山ビル１Ｆ　　　　</t>
  </si>
  <si>
    <t>0684</t>
  </si>
  <si>
    <t>Ｋ．ｄｏ　富山総曲輪店</t>
  </si>
  <si>
    <t>富山市総曲輪３－１－１１</t>
  </si>
  <si>
    <t>富山県高岡市東上関３０６－２　信開ドムズ駅南２０１</t>
  </si>
  <si>
    <t>0685</t>
  </si>
  <si>
    <t>千弥々來　美髪店</t>
  </si>
  <si>
    <t>富山市堀川本郷６０－１０７</t>
  </si>
  <si>
    <t>0686</t>
  </si>
  <si>
    <t>ｕｓａｂｉ</t>
  </si>
  <si>
    <t>富山市宝町２－５－２２</t>
  </si>
  <si>
    <t>パークサイド宝１０１</t>
  </si>
  <si>
    <t>0687</t>
  </si>
  <si>
    <t>ＥｙｅＬａｓｈＳａｌｏｎ　ＦＬＡＰ</t>
  </si>
  <si>
    <t>富山市開１３４４</t>
  </si>
  <si>
    <t>ヴェールフォンセ２Ｆ</t>
  </si>
  <si>
    <t>ＤＵＣＣＡ</t>
  </si>
  <si>
    <t>富山市大泉町１－６－１７</t>
  </si>
  <si>
    <t>根塚ビル１Ｆ－Ａ</t>
  </si>
  <si>
    <t>0689</t>
  </si>
  <si>
    <t>５８３　ｋｏｙｏｍｉ</t>
  </si>
  <si>
    <t>富山市下堀６９－１</t>
  </si>
  <si>
    <t>0767</t>
  </si>
  <si>
    <t>0690</t>
  </si>
  <si>
    <t>ｌｉｔｅ</t>
  </si>
  <si>
    <t>富山市下新本町３－３－２</t>
  </si>
  <si>
    <t>ぐりーん・あんＪ</t>
  </si>
  <si>
    <t>富山市荒川６２－１１２</t>
  </si>
  <si>
    <t>0694</t>
  </si>
  <si>
    <t>ｈａｉｒ　ｒｏｏｍ　Ｒｅｔｏｓ</t>
  </si>
  <si>
    <t>富山市婦中町下轡田８１－１</t>
  </si>
  <si>
    <t>リッツビル１階Ａ</t>
  </si>
  <si>
    <t>0695</t>
  </si>
  <si>
    <t>富山市呉羽町４８９７</t>
  </si>
  <si>
    <t>0696</t>
  </si>
  <si>
    <t>0697</t>
  </si>
  <si>
    <t>富山市太郎丸８３－５</t>
  </si>
  <si>
    <t>ラヴィーヘアスペース</t>
  </si>
  <si>
    <t>富山市天正寺１２６４－４</t>
  </si>
  <si>
    <t>0700</t>
  </si>
  <si>
    <t>ＵＮＰＥＧ　ＨＡＩＲ　ＲＯＯＭ</t>
  </si>
  <si>
    <t>富山市婦中町高日附８７４－２２</t>
  </si>
  <si>
    <t>0701</t>
  </si>
  <si>
    <t>第３ＰＬＡＣＥ</t>
  </si>
  <si>
    <t>富山市大泉本町２－３－１</t>
  </si>
  <si>
    <t>ヴィラルラーシュ１０３号室</t>
  </si>
  <si>
    <t>0703</t>
  </si>
  <si>
    <t>Ｒｏｏｍｓ　ｈａｉｒ</t>
  </si>
  <si>
    <t>富山市黒瀬２４０－３５</t>
  </si>
  <si>
    <t>0704</t>
  </si>
  <si>
    <t>富山市布瀬町南２－１－９</t>
  </si>
  <si>
    <t>ｋｉｌｔｏ合同会社</t>
  </si>
  <si>
    <t>ｆｌｏｗ</t>
  </si>
  <si>
    <t>ｃｏｌｉｔｏｏｌ　ＶｅＬｅ</t>
  </si>
  <si>
    <t>ＢＮＫビル　１Ｆ</t>
  </si>
  <si>
    <t>まつげ　Ｃｌｅａｒ</t>
  </si>
  <si>
    <t>富山市天正寺１２６４－３</t>
  </si>
  <si>
    <t>0708</t>
  </si>
  <si>
    <t>ａｎ．．．℃</t>
  </si>
  <si>
    <t>富山市金泉寺２２７－８</t>
  </si>
  <si>
    <t>0709</t>
  </si>
  <si>
    <t>Ｔａｂｌｉｅｒ</t>
  </si>
  <si>
    <t>富山市住吉町１－５－９</t>
  </si>
  <si>
    <t>ＭＩＴＳＵＲＵ</t>
  </si>
  <si>
    <t>富山市住友町２－３２</t>
  </si>
  <si>
    <t>0713</t>
  </si>
  <si>
    <t>Ｃｚ</t>
  </si>
  <si>
    <t>富山市中央通り２－３－３９　</t>
  </si>
  <si>
    <t>中教院モルティ１Ｆ</t>
  </si>
  <si>
    <t>富山県富山市中央通り２－３－３９　中教院モルティ１Ｆ</t>
  </si>
  <si>
    <t>0712</t>
  </si>
  <si>
    <t>Ｃｈａｉｎｏｎ</t>
  </si>
  <si>
    <t>富山市婦中町速星１０７０</t>
  </si>
  <si>
    <t>ＳＣパピ内</t>
  </si>
  <si>
    <t>富山県富山市経堂１－１５４</t>
  </si>
  <si>
    <t>Ｈａｉｒ　ｓｔｙｌｅｓ　ｍａｋｅ　ｕｐ　ＣＯＥＵＲ</t>
  </si>
  <si>
    <t>富山市山室１３０－１１</t>
  </si>
  <si>
    <t>0716</t>
  </si>
  <si>
    <t>Ｅ’ｔｅｎｄｕｅ</t>
  </si>
  <si>
    <t>富山市掛尾町４７８</t>
  </si>
  <si>
    <t>ＲＯ－ＬＥＸ　Ⅴ　２０２</t>
  </si>
  <si>
    <t>0717</t>
  </si>
  <si>
    <t>富山県富山市古沢４１０－２</t>
  </si>
  <si>
    <t>ｈａｉｒ　ｌａｂｏ　ｔｅ　ｔｏ　ｔｅ　＋（Ｐｌｕｓ）</t>
  </si>
  <si>
    <t>富山市石坂２９７３－１２</t>
  </si>
  <si>
    <t>0720</t>
  </si>
  <si>
    <t>富山市下冨居２－１－３１　１Ｆ</t>
  </si>
  <si>
    <t>ＰＲＯＤＩＧＥ（プロディージュ）</t>
  </si>
  <si>
    <t>富山市天正寺１２６４－５</t>
  </si>
  <si>
    <t>0723</t>
  </si>
  <si>
    <t>ａｔｅｌｉｅｒ　Ｆｌｏｕｒｉｓｈ（フローリッシュ）</t>
  </si>
  <si>
    <t>富山市五福４５１０－２</t>
  </si>
  <si>
    <t>0724</t>
  </si>
  <si>
    <t>ｅｙｅ　Ｃｈｅｒｉｅ（シェリー）</t>
  </si>
  <si>
    <t>サンコレクトビル２－Ｄ</t>
  </si>
  <si>
    <t>富山県富山市新庄町２６１－１５</t>
  </si>
  <si>
    <t>0764</t>
  </si>
  <si>
    <t>0725</t>
  </si>
  <si>
    <t>ｎｅｅｄＵ（ニイジュ）</t>
  </si>
  <si>
    <t>富山市秋ケ島５５８</t>
  </si>
  <si>
    <t>神奈川県横浜市中区山下町８７－４</t>
  </si>
  <si>
    <t>0803</t>
  </si>
  <si>
    <t>0726</t>
  </si>
  <si>
    <t>ＨＡＩＲ　ＯＶＩＤ（オービッド）</t>
  </si>
  <si>
    <t>富山市砂町１－１２</t>
  </si>
  <si>
    <t>コンチネンタル砂町１０３号</t>
  </si>
  <si>
    <t>富山県富山市砂町１－１２　コンチネンタル砂町１０３号</t>
  </si>
  <si>
    <t>0835</t>
  </si>
  <si>
    <t>0728</t>
  </si>
  <si>
    <t>マルソメコムズ　アピア店</t>
  </si>
  <si>
    <t>アピア１Ｆ</t>
  </si>
  <si>
    <t>0729</t>
  </si>
  <si>
    <t>Ｃｈｏｕｅｔｔｅ（シュエット）</t>
  </si>
  <si>
    <t>富山市上大久保１６２０－１５</t>
  </si>
  <si>
    <t>0730</t>
  </si>
  <si>
    <t>富山市桜町２－２－２７</t>
  </si>
  <si>
    <t>ムロバヤシビル２Ｆ</t>
  </si>
  <si>
    <t>0731</t>
  </si>
  <si>
    <t>富山市開５５０－１</t>
  </si>
  <si>
    <t>富山県富山市牛島新町５－５　インテックビル</t>
  </si>
  <si>
    <t>0732</t>
  </si>
  <si>
    <t>patina veil chou chou（パティナ　ベール　シュシュ）</t>
  </si>
  <si>
    <t>富山市大町南台４８－１８　１Ｆ</t>
  </si>
  <si>
    <t>0733</t>
  </si>
  <si>
    <t>ビューティーサロン　バーム</t>
  </si>
  <si>
    <t>富山市上本町６－３</t>
  </si>
  <si>
    <t>アンサンブルビル１Ｆ</t>
  </si>
  <si>
    <t>ＴＡＬＩＳＥ（タリーゼ）</t>
  </si>
  <si>
    <t>富山市黒瀬４９０－１</t>
  </si>
  <si>
    <t>0735</t>
  </si>
  <si>
    <t>ＪｉＬＬ（ジル）</t>
  </si>
  <si>
    <t>富山市下赤江町１－１－５５</t>
  </si>
  <si>
    <t>0758</t>
  </si>
  <si>
    <t>美容の和楽</t>
  </si>
  <si>
    <t>富山市五番町６－５</t>
  </si>
  <si>
    <t>0760</t>
  </si>
  <si>
    <t>髪と生活　ＭＵＵＣＨＩ（ムーチ）</t>
  </si>
  <si>
    <t>富山市片掛２０１５</t>
  </si>
  <si>
    <t>0761</t>
  </si>
  <si>
    <t>0762</t>
  </si>
  <si>
    <t>Ｐｉｅｃｅ（ピエス）</t>
  </si>
  <si>
    <t>富山市八尾町西神通９２３</t>
  </si>
  <si>
    <t>ＢＥＬＬＥ　ＨＡＩＲ　ＲＯＯＭ（ベル　ヘアールーム）</t>
  </si>
  <si>
    <t>富山市黒瀬北町１－１１－３</t>
  </si>
  <si>
    <t>Ｌｉｌｉａ（リリア）</t>
  </si>
  <si>
    <t>富山市中川原新町８</t>
  </si>
  <si>
    <t>ｈａｉｒ　ｓａｌｏｎ　ｎｏｎ（ヘアーサロン　ノン）</t>
  </si>
  <si>
    <t>富山市婦中町増田８１－２４</t>
  </si>
  <si>
    <t>ｃａｃｉｃｏｒｉ（カシコリ）</t>
  </si>
  <si>
    <t>富山市大島２－３８７</t>
  </si>
  <si>
    <t>0768</t>
  </si>
  <si>
    <t>ｈａｉｒ　ｒｏｏｍ　空のいろ</t>
  </si>
  <si>
    <t>富山市緑町１－１－５</t>
  </si>
  <si>
    <t>0769</t>
  </si>
  <si>
    <t>ＷＥＬＬＡスタイリングブース（ＴＧＣ　ＴＯＹＡＭＡ）</t>
  </si>
  <si>
    <t>富山市湊入船町１２－１</t>
  </si>
  <si>
    <t>富山市総合体育館</t>
  </si>
  <si>
    <t>Ｌａｒｕｇｏ　ｈａｉｒ　Ｙ’Ｓ（ワイズ）</t>
  </si>
  <si>
    <t>0771</t>
  </si>
  <si>
    <t>美容プラージュ　富山天正寺店</t>
  </si>
  <si>
    <t>富山市秋吉１５２－１４</t>
  </si>
  <si>
    <t>Ｈａｉｒ　Ｓａｌｏｎ　Ａｉ　Ｓｗｅｅｔ</t>
  </si>
  <si>
    <t>富山市秋吉１６３－１</t>
  </si>
  <si>
    <t>ファースト秋吉Ⅲ　１３６号</t>
  </si>
  <si>
    <t>0773</t>
  </si>
  <si>
    <t>ロイヤルメゾンＢ　１Ｆ</t>
  </si>
  <si>
    <t>0855</t>
  </si>
  <si>
    <t>ｋｉｋｉ（キキ）</t>
  </si>
  <si>
    <t>富山市婦中町響の杜２９７－６１</t>
  </si>
  <si>
    <t>0831</t>
  </si>
  <si>
    <t>0775</t>
  </si>
  <si>
    <t>ｈｕｉｔ８（ユイット）</t>
  </si>
  <si>
    <t>ファースト秋吉Ⅲ　１３４号室</t>
  </si>
  <si>
    <t>0777</t>
  </si>
  <si>
    <t>ｃｈｉｌｌ　ｈａｉｒ（チル　ヘアー）</t>
  </si>
  <si>
    <t>ファースト秋吉Ⅲ１Ｆ　１３５号</t>
  </si>
  <si>
    <t>富山県富山市二口町４－９－１０</t>
  </si>
  <si>
    <t>0779</t>
  </si>
  <si>
    <t>富山市天正寺１０７７</t>
  </si>
  <si>
    <t>ＳＰＥＬＬ</t>
  </si>
  <si>
    <t>富山市花園町４－５８５</t>
  </si>
  <si>
    <t>0781</t>
  </si>
  <si>
    <t>Ｌｉｌｙ　ｎｇｅ（リリ―アンジュ）</t>
  </si>
  <si>
    <t>富山市向新庄町３－３－２２</t>
  </si>
  <si>
    <t>グランコート２０３号室</t>
  </si>
  <si>
    <t>Ｌｕｄｏｖｉｃｏ（ルドビコ）</t>
  </si>
  <si>
    <t>富山市婦中町島本郷１０－１０</t>
  </si>
  <si>
    <t>富山市呉羽町２９０５</t>
  </si>
  <si>
    <t>0785</t>
  </si>
  <si>
    <t>Ｚｅｎ　花</t>
  </si>
  <si>
    <t>富山市田畑４２２－５</t>
  </si>
  <si>
    <t>0786</t>
  </si>
  <si>
    <t>富山市八尾町井田５８３－１</t>
  </si>
  <si>
    <t>0787</t>
  </si>
  <si>
    <t>ＰＵＲ（ピュール）</t>
  </si>
  <si>
    <t>0788</t>
  </si>
  <si>
    <t>富山市掛尾町９８－３</t>
  </si>
  <si>
    <t>0789</t>
  </si>
  <si>
    <t>Ａｄｏｒａｂｌｅ　ｈａｉｒ　ｓａｌｏｎ</t>
  </si>
  <si>
    <t>富山市黒瀬２８５</t>
  </si>
  <si>
    <t>グリーンピースⅡ</t>
  </si>
  <si>
    <t>0791</t>
  </si>
  <si>
    <t>Ｂｏｄｙ　ｃａｒｅ　ｖｉｖｉ</t>
  </si>
  <si>
    <t>富山市豊田本町１－１－１７</t>
  </si>
  <si>
    <t>ｋｏｍｏｒｅｂｉ　ｈａｉｒ</t>
  </si>
  <si>
    <t>富山市大島２－４６６－５</t>
  </si>
  <si>
    <t>0793</t>
  </si>
  <si>
    <t>富山市元町１－２－２０</t>
  </si>
  <si>
    <t>0794</t>
  </si>
  <si>
    <t>ＢＵＢＢＬＥＳ</t>
  </si>
  <si>
    <t>広田ビル１Ｆ</t>
  </si>
  <si>
    <t>0795</t>
  </si>
  <si>
    <t>富山市二口町３－３－２０</t>
  </si>
  <si>
    <t>0796</t>
  </si>
  <si>
    <t>ｈａｉｒ　ｓａｌｏｎ　ｍｏｋｏｊｉ</t>
  </si>
  <si>
    <t>富山市小中２２７－１</t>
  </si>
  <si>
    <t>0797</t>
  </si>
  <si>
    <t>ジーニーズ　フォーシーズン美容室　太田口通り店</t>
  </si>
  <si>
    <t>富山市太田口通り１－１－８</t>
  </si>
  <si>
    <t>0798</t>
  </si>
  <si>
    <t>ＫＨＯＲＡ</t>
  </si>
  <si>
    <t>富山市婦中町塚原６９－２</t>
  </si>
  <si>
    <t>ＢＬｅＤ．</t>
  </si>
  <si>
    <t>富山市二口町１－８－５　２Ｆ</t>
  </si>
  <si>
    <t>0800</t>
  </si>
  <si>
    <t>ｏｌｍｏ</t>
  </si>
  <si>
    <t>富山市磯部町３－３－１</t>
  </si>
  <si>
    <t>Ｉ　ｂｅａｕｔｙ</t>
  </si>
  <si>
    <t>富山市新庄町１－３４－１２</t>
  </si>
  <si>
    <t>Ｐｕｃｃｉ　Ｐｕｃｃｉ</t>
  </si>
  <si>
    <t>富山市西長江１－７－２３</t>
  </si>
  <si>
    <t>１Ｆ　クレール・３６</t>
  </si>
  <si>
    <t>ヘアプロデュース　クリーク</t>
  </si>
  <si>
    <t>富山市小泉町１９５</t>
  </si>
  <si>
    <t>Ｈａｉｒ＆Ｂｅａｕｔｙ　Ｔｉｐｓ　</t>
  </si>
  <si>
    <t>富山市布瀬町２－３－１２</t>
  </si>
  <si>
    <t>有限会社　ふれあいのひろば</t>
  </si>
  <si>
    <t>0805</t>
  </si>
  <si>
    <t>ｏｌａｂｏ</t>
  </si>
  <si>
    <t>富山市茶屋町６３９－２０</t>
  </si>
  <si>
    <t>サンライズ呉羽茶屋町１０６号室</t>
  </si>
  <si>
    <t>0806</t>
  </si>
  <si>
    <t>ｓａｌｏｎ　ｄｅ　Ｆｅｕｉｌｌｅｓ</t>
  </si>
  <si>
    <t>富山市高屋敷８３９－４</t>
  </si>
  <si>
    <t>渡瀬ビル１Ｆ</t>
  </si>
  <si>
    <t>0815</t>
  </si>
  <si>
    <t>ＭＡＴＴ</t>
  </si>
  <si>
    <t>富山市北代５２６７－１</t>
  </si>
  <si>
    <t>0807</t>
  </si>
  <si>
    <t>ＡＵＢＥ　ＨＡＩＲ　ｆｉｌｌ</t>
  </si>
  <si>
    <t>富山市婦中町速星８９－１</t>
  </si>
  <si>
    <t>Ａ・ウォッシュ婦中ベース１ＦＡ２号室</t>
  </si>
  <si>
    <t>東京都港区南青山２－２７－７　Ｋビル地下１Ｆ</t>
  </si>
  <si>
    <t>ＢＲＩＤＧＥ　ｈａｉｒ　ｗｏｒｋｓ</t>
  </si>
  <si>
    <t>富山市経堂１－２３９－２</t>
  </si>
  <si>
    <t>0809</t>
  </si>
  <si>
    <t>カットコムズ　五福店</t>
  </si>
  <si>
    <t>アリスショッピングセンター内１Ｆ</t>
  </si>
  <si>
    <t>0814</t>
  </si>
  <si>
    <t>Ｈａｉｒ　ｓａｌｏｎ　Ｒｅｆｕａ</t>
  </si>
  <si>
    <t>富山市久方町８－４６</t>
  </si>
  <si>
    <t>0811</t>
  </si>
  <si>
    <t>富山市清水町４－２－３</t>
  </si>
  <si>
    <t>富山県富山市清水町４－２－３</t>
  </si>
  <si>
    <t>ＨＡＩＲ　ｃｏｐａｉｎ</t>
  </si>
  <si>
    <t>富山市新庄北町２７－６</t>
  </si>
  <si>
    <t>ｍｙｇｎｏｎ．</t>
  </si>
  <si>
    <t>富山市新庄町４－８－２３</t>
  </si>
  <si>
    <t>フォレストコート１０１</t>
  </si>
  <si>
    <t>Ｊｅｗｅｌ</t>
  </si>
  <si>
    <t>富山市羽根２３８－１４</t>
  </si>
  <si>
    <t>ＡＫカナムラビル２Ｆ</t>
  </si>
  <si>
    <t>0818</t>
  </si>
  <si>
    <t>ｅｎｎｅ</t>
  </si>
  <si>
    <t>富山市婦中町広田４５４０－３</t>
  </si>
  <si>
    <t>0819</t>
  </si>
  <si>
    <t>ｅｙｅ　ｃｏｕｒｏｎｎｅ</t>
  </si>
  <si>
    <t>富山市新根塚町２－１－６</t>
  </si>
  <si>
    <t>レノンボウン３０５</t>
  </si>
  <si>
    <t>0821</t>
  </si>
  <si>
    <t>Ｇｙｐｓｏ</t>
  </si>
  <si>
    <t>富山市千石町５－３－１２－１号</t>
  </si>
  <si>
    <t>フローレンス</t>
  </si>
  <si>
    <t>0822</t>
  </si>
  <si>
    <t>弱酸性美容室　ｌａｔｅｒａｌ</t>
  </si>
  <si>
    <t>0823</t>
  </si>
  <si>
    <t>富山市新庄町３７－５</t>
  </si>
  <si>
    <t>新庄町テナント００１</t>
  </si>
  <si>
    <t>0825</t>
  </si>
  <si>
    <t>Ｃｈａｒｍｅ</t>
  </si>
  <si>
    <t>富山市水橋堅田４８－２</t>
  </si>
  <si>
    <t>0827</t>
  </si>
  <si>
    <t>ミントラッシュ富山</t>
  </si>
  <si>
    <t>フタバビル２階Ｂ</t>
  </si>
  <si>
    <t>富山県富山市上本町７－６</t>
  </si>
  <si>
    <t>ＭＵＳＨＲＯＯＭ（マッシュルーム）</t>
  </si>
  <si>
    <t>富山市上大久保６６４</t>
  </si>
  <si>
    <t>Ａｇｕ　ｈａｉｒ　ｍａｒｅ</t>
  </si>
  <si>
    <t>富山市天正寺１１４０</t>
  </si>
  <si>
    <t>中川第２ビル</t>
  </si>
  <si>
    <t>0828</t>
  </si>
  <si>
    <t>美容プラージュ　富山店</t>
  </si>
  <si>
    <t>富山市上袋６０５－２</t>
  </si>
  <si>
    <t>それいゆｉ２Ｆ</t>
  </si>
  <si>
    <t>0829</t>
  </si>
  <si>
    <t>ＫＵＫＵＩ　ＨＡＩＲ</t>
  </si>
  <si>
    <t>富山市向新庄町７－１６－４６</t>
  </si>
  <si>
    <t>0824</t>
  </si>
  <si>
    <t>Ｋｕｋｋａ</t>
  </si>
  <si>
    <t>富山市清水町３－２－８</t>
  </si>
  <si>
    <t>グランドハイツ清水　２Ｆ</t>
  </si>
  <si>
    <t>0830</t>
  </si>
  <si>
    <t>Ｌａｇ　Ｆａｔ</t>
  </si>
  <si>
    <t>富山市新庄町３－４－３</t>
  </si>
  <si>
    <t>富山市五福１３６４－１</t>
  </si>
  <si>
    <t>0833</t>
  </si>
  <si>
    <t>Ｆｏｒｅｖｅｒ</t>
  </si>
  <si>
    <t>富山市高屋敷６８７－１２</t>
  </si>
  <si>
    <t>サン・ステージ高屋敷２０２</t>
  </si>
  <si>
    <t>0832</t>
  </si>
  <si>
    <t>フローリッシュ　ワックス</t>
  </si>
  <si>
    <t>富山市向新庄町２－１４－４３－１</t>
  </si>
  <si>
    <t>ヘアールーム　ＴＯＭＯ　ＴＯＭＯ</t>
  </si>
  <si>
    <t>アクシス石金１Ｆ</t>
  </si>
  <si>
    <t>0834</t>
  </si>
  <si>
    <t>Ｒｏｌｄ　Ｌｏｕｌｏｕ</t>
  </si>
  <si>
    <t>ファボーレ２Ｆ</t>
  </si>
  <si>
    <t>0838</t>
  </si>
  <si>
    <t>Ｄｅａｒｓ　富山店</t>
  </si>
  <si>
    <t>フロンティアビル１Ｆ</t>
  </si>
  <si>
    <t>長野県長野市東和田８４２　ＣＯＲＥ　ＯＦＦＩＣＥ３０１号室</t>
  </si>
  <si>
    <t>0837</t>
  </si>
  <si>
    <t>Ｑｕｉｃｋ　ｃｕｔ　ＢＢ　ファボーレ富山店</t>
  </si>
  <si>
    <t>福岡県飯塚市大日寺６３８</t>
  </si>
  <si>
    <t>0836</t>
  </si>
  <si>
    <t>ｈａｉｒ　ｓａｌｏｎ　ｆｕｌａｒｉ</t>
  </si>
  <si>
    <t>富山市町袋４９３－５</t>
  </si>
  <si>
    <t>0840</t>
  </si>
  <si>
    <t>凛　美容室</t>
  </si>
  <si>
    <t>富山市笹津４１３－２</t>
  </si>
  <si>
    <t>0839</t>
  </si>
  <si>
    <t>Ｏｒｂ（オーブ）</t>
  </si>
  <si>
    <t>ヴィベール磯部１Ｆ</t>
  </si>
  <si>
    <t>ｄｕｆｔ．</t>
  </si>
  <si>
    <t>富山市黒瀬北町２－１５－１５</t>
  </si>
  <si>
    <t>0843</t>
  </si>
  <si>
    <t>I　ｂｅａｕｔｙ</t>
  </si>
  <si>
    <t>富山市新庄町１－４－３４－１２</t>
  </si>
  <si>
    <t>0845</t>
  </si>
  <si>
    <t>富山市婦中町砂子田６０３</t>
  </si>
  <si>
    <t>0846</t>
  </si>
  <si>
    <t>ＮＵＤＥ．</t>
  </si>
  <si>
    <t>富山市久方町１０－３１</t>
  </si>
  <si>
    <t>0847</t>
  </si>
  <si>
    <t>ｅｎｕ</t>
  </si>
  <si>
    <t>富山市日之出町１－１０</t>
  </si>
  <si>
    <t>0848</t>
  </si>
  <si>
    <t>0849</t>
  </si>
  <si>
    <t>ＡＬＬＵＲＥ　hair＆este</t>
  </si>
  <si>
    <t>富山市経堂３－１２－１８　</t>
  </si>
  <si>
    <t>ヴィクトリー経堂Ｃ－１－Ｔ</t>
  </si>
  <si>
    <t>0851</t>
  </si>
  <si>
    <t>富山市清水中町２－１</t>
  </si>
  <si>
    <t>0852</t>
  </si>
  <si>
    <t>ヘアーコレクト　ニコ</t>
  </si>
  <si>
    <t>富山市町村２３８－９　１Ｆ</t>
  </si>
  <si>
    <t>0853</t>
  </si>
  <si>
    <t>ＢＯＲＤＯ</t>
  </si>
  <si>
    <t>0854</t>
  </si>
  <si>
    <t>富山市黒瀬４１２－１</t>
  </si>
  <si>
    <t>カーサプラシードＭ１０１</t>
  </si>
  <si>
    <t>確認番号</t>
    <phoneticPr fontId="1"/>
  </si>
  <si>
    <t>0857</t>
    <phoneticPr fontId="1"/>
  </si>
  <si>
    <t>富山市浜黒崎１４６８</t>
    <rPh sb="0" eb="3">
      <t>トヤマシ</t>
    </rPh>
    <rPh sb="3" eb="6">
      <t>ハマクロサキ</t>
    </rPh>
    <phoneticPr fontId="1"/>
  </si>
  <si>
    <t>0859</t>
    <phoneticPr fontId="1"/>
  </si>
  <si>
    <t>ｎａｐ</t>
    <phoneticPr fontId="1"/>
  </si>
  <si>
    <t>Ｎｕｂｏ　Ｈａｉｒ</t>
    <phoneticPr fontId="1"/>
  </si>
  <si>
    <t>富山市婦中町速星1026-1　</t>
    <rPh sb="0" eb="3">
      <t>トヤマシ</t>
    </rPh>
    <rPh sb="3" eb="6">
      <t>フチュウマチ</t>
    </rPh>
    <rPh sb="6" eb="8">
      <t>ハヤホシ</t>
    </rPh>
    <phoneticPr fontId="1"/>
  </si>
  <si>
    <t>Ｂｌａｎｃ　Ｎｏｉｒ</t>
    <phoneticPr fontId="1"/>
  </si>
  <si>
    <t>富山市田中町5-4-46</t>
    <rPh sb="0" eb="3">
      <t>トヤマシ</t>
    </rPh>
    <rPh sb="3" eb="5">
      <t>タナカ</t>
    </rPh>
    <rPh sb="5" eb="6">
      <t>マチ</t>
    </rPh>
    <phoneticPr fontId="1"/>
  </si>
  <si>
    <t>パークコート城東D棟8号</t>
    <rPh sb="6" eb="8">
      <t>ジョウトウ</t>
    </rPh>
    <rPh sb="9" eb="10">
      <t>トウ</t>
    </rPh>
    <rPh sb="11" eb="12">
      <t>ゴウ</t>
    </rPh>
    <phoneticPr fontId="1"/>
  </si>
  <si>
    <t>0858</t>
    <phoneticPr fontId="1"/>
  </si>
  <si>
    <t>ｈｏｓｉｉｒｏ</t>
    <phoneticPr fontId="1"/>
  </si>
  <si>
    <t>富山市松若町19-21</t>
    <rPh sb="0" eb="3">
      <t>トヤマシ</t>
    </rPh>
    <rPh sb="3" eb="6">
      <t>マツワカチョウ</t>
    </rPh>
    <phoneticPr fontId="1"/>
  </si>
  <si>
    <t>アンソレイユB　102号</t>
    <rPh sb="11" eb="12">
      <t>ゴウ</t>
    </rPh>
    <phoneticPr fontId="1"/>
  </si>
  <si>
    <t>0856</t>
    <phoneticPr fontId="1"/>
  </si>
  <si>
    <t>富山市稲荷園町3-20</t>
    <rPh sb="0" eb="3">
      <t>トヤマシ</t>
    </rPh>
    <rPh sb="3" eb="5">
      <t>イナリ</t>
    </rPh>
    <rPh sb="5" eb="6">
      <t>ソノ</t>
    </rPh>
    <rPh sb="6" eb="7">
      <t>マチ</t>
    </rPh>
    <phoneticPr fontId="1"/>
  </si>
  <si>
    <t>0861</t>
    <phoneticPr fontId="1"/>
  </si>
  <si>
    <t>ｃｈｅｒｉｒ(シェリール）</t>
    <phoneticPr fontId="1"/>
  </si>
  <si>
    <t>美容室　ＣＯＲＥ</t>
    <rPh sb="0" eb="3">
      <t>ビヨウシツ</t>
    </rPh>
    <phoneticPr fontId="1"/>
  </si>
  <si>
    <t>富山市中川原78-5</t>
    <rPh sb="0" eb="3">
      <t>トヤマシ</t>
    </rPh>
    <rPh sb="3" eb="6">
      <t>ナカガワラ</t>
    </rPh>
    <phoneticPr fontId="1"/>
  </si>
  <si>
    <t>0863</t>
    <phoneticPr fontId="1"/>
  </si>
  <si>
    <t>ｅｌａｍａ（エラマ）</t>
    <phoneticPr fontId="1"/>
  </si>
  <si>
    <t>0862</t>
    <phoneticPr fontId="1"/>
  </si>
  <si>
    <t>富山市石金二丁目5-15</t>
    <rPh sb="0" eb="3">
      <t>トヤマシ</t>
    </rPh>
    <rPh sb="3" eb="5">
      <t>イシガネ</t>
    </rPh>
    <rPh sb="5" eb="8">
      <t>ニチョウメ</t>
    </rPh>
    <phoneticPr fontId="1"/>
  </si>
  <si>
    <t>美容室　ひろ</t>
    <rPh sb="0" eb="3">
      <t>ビヨウシツ</t>
    </rPh>
    <phoneticPr fontId="1"/>
  </si>
  <si>
    <t>富山市布瀬町二丁目5-18</t>
    <rPh sb="0" eb="3">
      <t>トヤマシ</t>
    </rPh>
    <rPh sb="3" eb="5">
      <t>ヌノセ</t>
    </rPh>
    <rPh sb="5" eb="6">
      <t>マチ</t>
    </rPh>
    <rPh sb="6" eb="9">
      <t>ニチョウメ</t>
    </rPh>
    <phoneticPr fontId="1"/>
  </si>
  <si>
    <t>0864</t>
    <phoneticPr fontId="1"/>
  </si>
  <si>
    <t>RELAIR（リレア）</t>
    <phoneticPr fontId="1"/>
  </si>
  <si>
    <t>富山市清水町七丁目４－１０－１</t>
    <rPh sb="0" eb="3">
      <t>トヤマシ</t>
    </rPh>
    <rPh sb="3" eb="5">
      <t>シミズ</t>
    </rPh>
    <rPh sb="5" eb="6">
      <t>マチ</t>
    </rPh>
    <rPh sb="6" eb="9">
      <t>７チョウメ</t>
    </rPh>
    <phoneticPr fontId="1"/>
  </si>
  <si>
    <t>0865</t>
    <phoneticPr fontId="1"/>
  </si>
  <si>
    <t>hair life ame.（ヘアライフアメ）</t>
    <phoneticPr fontId="1"/>
  </si>
  <si>
    <t>0866</t>
    <phoneticPr fontId="1"/>
  </si>
  <si>
    <t>0867</t>
    <phoneticPr fontId="1"/>
  </si>
  <si>
    <t>ｖｉ美ｂｉ</t>
    <rPh sb="2" eb="3">
      <t>ビ</t>
    </rPh>
    <phoneticPr fontId="1"/>
  </si>
  <si>
    <t>富山市向新庄町六丁目３－１７</t>
    <rPh sb="0" eb="3">
      <t>トヤマシ</t>
    </rPh>
    <rPh sb="3" eb="6">
      <t>ムカイシンジョウ</t>
    </rPh>
    <rPh sb="6" eb="7">
      <t>マチ</t>
    </rPh>
    <rPh sb="7" eb="10">
      <t>６チョウメ</t>
    </rPh>
    <phoneticPr fontId="1"/>
  </si>
  <si>
    <t>0868</t>
    <phoneticPr fontId="1"/>
  </si>
  <si>
    <t>癒しのサロンアイビー</t>
    <rPh sb="0" eb="1">
      <t>イヤ</t>
    </rPh>
    <phoneticPr fontId="1"/>
  </si>
  <si>
    <t>富山市蛯町１－１９　１Ｆ</t>
    <rPh sb="0" eb="3">
      <t>トヤマシ</t>
    </rPh>
    <rPh sb="3" eb="5">
      <t>エビチョウ</t>
    </rPh>
    <phoneticPr fontId="1"/>
  </si>
  <si>
    <t>0869</t>
    <phoneticPr fontId="1"/>
  </si>
  <si>
    <t>富山市四ツ葉町２２－２２</t>
    <rPh sb="0" eb="3">
      <t>トヤマシ</t>
    </rPh>
    <rPh sb="3" eb="4">
      <t>ヨ</t>
    </rPh>
    <rPh sb="5" eb="7">
      <t>バチョウ</t>
    </rPh>
    <phoneticPr fontId="1"/>
  </si>
  <si>
    <t>富山市婦中町田島５８６　ポイントスクエアＡ－１</t>
    <rPh sb="0" eb="3">
      <t>トヤマシ</t>
    </rPh>
    <rPh sb="3" eb="6">
      <t>フチュウマチ</t>
    </rPh>
    <phoneticPr fontId="1"/>
  </si>
  <si>
    <t>0870</t>
    <phoneticPr fontId="1"/>
  </si>
  <si>
    <t>富山市上袋６０５－２</t>
    <rPh sb="0" eb="3">
      <t>トヤマシ</t>
    </rPh>
    <rPh sb="3" eb="5">
      <t>カミブクロ</t>
    </rPh>
    <phoneticPr fontId="1"/>
  </si>
  <si>
    <t>それいゆ１Ｆ</t>
    <phoneticPr fontId="1"/>
  </si>
  <si>
    <t>富山市海岸通２－４８</t>
    <rPh sb="0" eb="3">
      <t>トヤマシ</t>
    </rPh>
    <phoneticPr fontId="1"/>
  </si>
  <si>
    <t>Ａｇｕ　ｈａｉｒ　ｌａｐａｎ（アグ　ヘアー　ラパン）</t>
    <phoneticPr fontId="1"/>
  </si>
  <si>
    <t>富山県富山市中市１－４－５　川筋ビル１Ｆ</t>
    <rPh sb="6" eb="7">
      <t>ナカ</t>
    </rPh>
    <rPh sb="7" eb="8">
      <t>イチ</t>
    </rPh>
    <rPh sb="14" eb="16">
      <t>カワスジ</t>
    </rPh>
    <phoneticPr fontId="1"/>
  </si>
  <si>
    <t>富山市中市一丁目４－５</t>
    <rPh sb="5" eb="8">
      <t>イッチョウメ</t>
    </rPh>
    <phoneticPr fontId="1"/>
  </si>
  <si>
    <t>ｈａｉｒ＆ｓｃａｌｐ　ｃｌｉｎｉｃ　髪神</t>
    <phoneticPr fontId="1"/>
  </si>
  <si>
    <t>HUE(ヒュー)</t>
    <phoneticPr fontId="1"/>
  </si>
  <si>
    <t>富山市中川原７８－１４０</t>
    <rPh sb="0" eb="3">
      <t>トヤマシ</t>
    </rPh>
    <rPh sb="3" eb="6">
      <t>ナカガワラ</t>
    </rPh>
    <phoneticPr fontId="1"/>
  </si>
  <si>
    <t>0871</t>
    <phoneticPr fontId="1"/>
  </si>
  <si>
    <t>ヘア＆エステはまざき本店</t>
    <phoneticPr fontId="1"/>
  </si>
  <si>
    <t>富山市小泉町８２</t>
    <rPh sb="0" eb="3">
      <t>トヤマシ</t>
    </rPh>
    <rPh sb="3" eb="6">
      <t>コイズミチョウ</t>
    </rPh>
    <phoneticPr fontId="1"/>
  </si>
  <si>
    <t>0872</t>
    <phoneticPr fontId="1"/>
  </si>
  <si>
    <t>Ｏｍｉｙａ</t>
    <phoneticPr fontId="1"/>
  </si>
  <si>
    <t>ベルファムタカサキ</t>
    <phoneticPr fontId="1"/>
  </si>
  <si>
    <t>富山市清水町八丁目２－３２</t>
    <rPh sb="0" eb="3">
      <t>トヤマシ</t>
    </rPh>
    <rPh sb="3" eb="5">
      <t>シミズ</t>
    </rPh>
    <rPh sb="5" eb="6">
      <t>マチ</t>
    </rPh>
    <rPh sb="6" eb="9">
      <t>ハッチョウメ</t>
    </rPh>
    <phoneticPr fontId="1"/>
  </si>
  <si>
    <t>0873</t>
    <phoneticPr fontId="1"/>
  </si>
  <si>
    <t>ＨＯＯ(ホー)</t>
    <phoneticPr fontId="1"/>
  </si>
  <si>
    <t>富山市婦中町小倉８８－２</t>
    <rPh sb="0" eb="3">
      <t>トヤマシ</t>
    </rPh>
    <rPh sb="3" eb="6">
      <t>フチュウマチ</t>
    </rPh>
    <rPh sb="6" eb="8">
      <t>オグラ</t>
    </rPh>
    <phoneticPr fontId="1"/>
  </si>
  <si>
    <t>0874</t>
    <phoneticPr fontId="1"/>
  </si>
  <si>
    <t>ｈａｉｒ　ｗｉｓｈ</t>
    <phoneticPr fontId="1"/>
  </si>
  <si>
    <t>富山市赤田４６７－５</t>
    <rPh sb="0" eb="3">
      <t>トヤマシ</t>
    </rPh>
    <rPh sb="3" eb="5">
      <t>アカダ</t>
    </rPh>
    <phoneticPr fontId="1"/>
  </si>
  <si>
    <t>0875</t>
    <phoneticPr fontId="1"/>
  </si>
  <si>
    <t>Ｖｅｒｔ　総曲輪店</t>
    <phoneticPr fontId="1"/>
  </si>
  <si>
    <t>富山市太郎丸西町二丁目１－５</t>
    <rPh sb="8" eb="11">
      <t>ニチョウメ</t>
    </rPh>
    <phoneticPr fontId="1"/>
  </si>
  <si>
    <t>美容室アクール</t>
    <phoneticPr fontId="1"/>
  </si>
  <si>
    <t>Ｈａｉｒ　ＢＡＬＡＮＣＥ（バランス）</t>
    <phoneticPr fontId="1"/>
  </si>
  <si>
    <t>リボン美容室</t>
    <phoneticPr fontId="1"/>
  </si>
  <si>
    <t>Ｈａｉｒ　Ｒｅｌａｘ　ＳＨＥＥＮＡ</t>
    <phoneticPr fontId="1"/>
  </si>
  <si>
    <t>Ｌｅｇｉｔ</t>
    <phoneticPr fontId="1"/>
  </si>
  <si>
    <t>富山市太田口通り二丁目３－１</t>
    <rPh sb="0" eb="3">
      <t>トヤマシ</t>
    </rPh>
    <rPh sb="3" eb="6">
      <t>オオタグチ</t>
    </rPh>
    <rPh sb="6" eb="7">
      <t>トオ</t>
    </rPh>
    <rPh sb="8" eb="11">
      <t>ニチョウメ</t>
    </rPh>
    <phoneticPr fontId="1"/>
  </si>
  <si>
    <t>ＪＣコーポレーションビル１Ｆ</t>
    <phoneticPr fontId="1"/>
  </si>
  <si>
    <t>Ｍ．　Ｐｌａｃｅ</t>
    <phoneticPr fontId="1"/>
  </si>
  <si>
    <t>富山市布瀬町南一丁目21-19</t>
    <rPh sb="0" eb="3">
      <t>トヤマシ</t>
    </rPh>
    <rPh sb="3" eb="5">
      <t>ヌノセ</t>
    </rPh>
    <rPh sb="5" eb="6">
      <t>マチ</t>
    </rPh>
    <rPh sb="6" eb="7">
      <t>ミナミ</t>
    </rPh>
    <rPh sb="7" eb="10">
      <t>イッチョウメ</t>
    </rPh>
    <phoneticPr fontId="1"/>
  </si>
  <si>
    <t>セジョール布瀬１ＦテナントＡ</t>
    <rPh sb="5" eb="7">
      <t>ヌノセ</t>
    </rPh>
    <phoneticPr fontId="1"/>
  </si>
  <si>
    <t>レオパルドラッシュ</t>
    <phoneticPr fontId="1"/>
  </si>
  <si>
    <t>富山市布瀬本町１２－１６</t>
    <rPh sb="0" eb="3">
      <t>トヤマシ</t>
    </rPh>
    <rPh sb="3" eb="5">
      <t>ヌノセ</t>
    </rPh>
    <phoneticPr fontId="1"/>
  </si>
  <si>
    <t>ｃｏｌｉｔｏｏｌ　ＶｅＬｅ　大沢野店</t>
    <rPh sb="14" eb="16">
      <t>オオサワ</t>
    </rPh>
    <rPh sb="16" eb="17">
      <t>ノ</t>
    </rPh>
    <rPh sb="17" eb="18">
      <t>テン</t>
    </rPh>
    <phoneticPr fontId="1"/>
  </si>
  <si>
    <t>富山市下大久保２１８７－１</t>
    <rPh sb="0" eb="3">
      <t>トヤマシ</t>
    </rPh>
    <rPh sb="3" eb="7">
      <t>シモオオクボ</t>
    </rPh>
    <phoneticPr fontId="1"/>
  </si>
  <si>
    <t>富山市上冨居二丁目２４－３</t>
    <rPh sb="0" eb="3">
      <t>トヤマシ</t>
    </rPh>
    <rPh sb="3" eb="6">
      <t>カミフゴ</t>
    </rPh>
    <rPh sb="6" eb="9">
      <t>ニチョウメ</t>
    </rPh>
    <phoneticPr fontId="1"/>
  </si>
  <si>
    <t>美容室しふぉん</t>
    <rPh sb="0" eb="3">
      <t>ビヨウシツ</t>
    </rPh>
    <phoneticPr fontId="1"/>
  </si>
  <si>
    <t>富山市総曲輪三丁目５－８</t>
    <rPh sb="0" eb="3">
      <t>トヤマシ</t>
    </rPh>
    <rPh sb="3" eb="6">
      <t>ソウガワ</t>
    </rPh>
    <rPh sb="6" eb="9">
      <t>サンチョウメ</t>
    </rPh>
    <phoneticPr fontId="1"/>
  </si>
  <si>
    <t>２Ｆ</t>
    <phoneticPr fontId="1"/>
  </si>
  <si>
    <t>福井県福井市二の宮三丁目４－１４　１F</t>
    <rPh sb="0" eb="3">
      <t>フクイケン</t>
    </rPh>
    <rPh sb="3" eb="6">
      <t>フクイシ</t>
    </rPh>
    <rPh sb="6" eb="7">
      <t>ニ</t>
    </rPh>
    <rPh sb="8" eb="9">
      <t>ミヤ</t>
    </rPh>
    <rPh sb="9" eb="12">
      <t>サンチョウメ</t>
    </rPh>
    <phoneticPr fontId="1"/>
  </si>
  <si>
    <t>富山市総曲輪三丁目６－１５－１８－２</t>
    <rPh sb="0" eb="3">
      <t>トヤマシ</t>
    </rPh>
    <rPh sb="3" eb="6">
      <t>ソウガワ</t>
    </rPh>
    <rPh sb="6" eb="9">
      <t>サンチョウメ</t>
    </rPh>
    <phoneticPr fontId="1"/>
  </si>
  <si>
    <t>ｓｔｒａｗ．　ｃ</t>
    <phoneticPr fontId="1"/>
  </si>
  <si>
    <t>富山市秋吉３４－１</t>
    <rPh sb="0" eb="3">
      <t>トヤマシ</t>
    </rPh>
    <rPh sb="3" eb="5">
      <t>アキヨシ</t>
    </rPh>
    <phoneticPr fontId="1"/>
  </si>
  <si>
    <t>ＺＥＡＬ</t>
    <phoneticPr fontId="1"/>
  </si>
  <si>
    <t>富山市大島二丁目５９６－４４</t>
    <rPh sb="0" eb="3">
      <t>トヤマシ</t>
    </rPh>
    <rPh sb="3" eb="5">
      <t>オオシマ</t>
    </rPh>
    <phoneticPr fontId="1"/>
  </si>
  <si>
    <t>富山市総曲輪３－５－８</t>
    <phoneticPr fontId="1"/>
  </si>
  <si>
    <t>美容室　BB7</t>
    <phoneticPr fontId="1"/>
  </si>
  <si>
    <t>富山市大泉本町一丁目１－１　１Ｆ</t>
    <rPh sb="0" eb="3">
      <t>トヤマシ</t>
    </rPh>
    <rPh sb="3" eb="5">
      <t>オオイズミ</t>
    </rPh>
    <rPh sb="5" eb="7">
      <t>ホンマチ</t>
    </rPh>
    <rPh sb="7" eb="10">
      <t>イッチョウメ</t>
    </rPh>
    <phoneticPr fontId="1"/>
  </si>
  <si>
    <t>Ｈａｉｒ　Ｓａｌｏｎ　ＣＲＯＷＮ　ＣＡＲＥ</t>
    <phoneticPr fontId="1"/>
  </si>
  <si>
    <t>富山市上大久保２１０５－１</t>
    <phoneticPr fontId="1"/>
  </si>
  <si>
    <t>合同会社　BLUE LUG</t>
    <rPh sb="0" eb="2">
      <t>ゴウドウ</t>
    </rPh>
    <rPh sb="2" eb="4">
      <t>カイシャ</t>
    </rPh>
    <phoneticPr fontId="1"/>
  </si>
  <si>
    <t>ＢＬＵＥ　ＬＵＧ</t>
    <phoneticPr fontId="1"/>
  </si>
  <si>
    <t>富山市経堂一丁目１５４</t>
    <rPh sb="5" eb="8">
      <t>イッチョウメ</t>
    </rPh>
    <phoneticPr fontId="1"/>
  </si>
  <si>
    <t>Ｆｕｎｎｙ－Ｔａ（ファニータ）</t>
    <phoneticPr fontId="1"/>
  </si>
  <si>
    <t>富山市婦中町十五丁７０７－２</t>
    <rPh sb="0" eb="3">
      <t>トヤマシ</t>
    </rPh>
    <rPh sb="3" eb="6">
      <t>フチュウマチ</t>
    </rPh>
    <rPh sb="6" eb="9">
      <t>ジュウゴチョウ</t>
    </rPh>
    <phoneticPr fontId="1"/>
  </si>
  <si>
    <t>富山市秋吉190-10</t>
    <phoneticPr fontId="1"/>
  </si>
  <si>
    <t>Ｐｅｔｉｔ　ｃｈｏｕ　ｃｈｏｕ</t>
    <phoneticPr fontId="1"/>
  </si>
  <si>
    <t>富山市つばめ野三丁目１</t>
    <rPh sb="6" eb="7">
      <t>ノ</t>
    </rPh>
    <rPh sb="7" eb="10">
      <t>サンチョウメ</t>
    </rPh>
    <phoneticPr fontId="1"/>
  </si>
  <si>
    <t>富山市太郎丸西町二丁目７－１２　ＡＹタウンＡ</t>
    <rPh sb="2" eb="3">
      <t>シ</t>
    </rPh>
    <rPh sb="3" eb="6">
      <t>タロウマル</t>
    </rPh>
    <rPh sb="6" eb="7">
      <t>ニシ</t>
    </rPh>
    <rPh sb="7" eb="8">
      <t>マチ</t>
    </rPh>
    <rPh sb="8" eb="11">
      <t>ニチョウメ</t>
    </rPh>
    <phoneticPr fontId="1"/>
  </si>
  <si>
    <t>富山市秋吉153-14</t>
    <phoneticPr fontId="1"/>
  </si>
  <si>
    <t>富山市大泉中町７－１　１Ｆ</t>
    <rPh sb="0" eb="3">
      <t>トヤマシ</t>
    </rPh>
    <rPh sb="3" eb="5">
      <t>オオイズミ</t>
    </rPh>
    <rPh sb="5" eb="7">
      <t>ナカマチ</t>
    </rPh>
    <phoneticPr fontId="1"/>
  </si>
  <si>
    <t>クレア</t>
    <phoneticPr fontId="1"/>
  </si>
  <si>
    <t>ヘアーファッション　バウワウ</t>
    <phoneticPr fontId="1"/>
  </si>
  <si>
    <t>ＭＥＺｏＮ（メゾン）</t>
    <phoneticPr fontId="1"/>
  </si>
  <si>
    <t>美しの森　マザーグース</t>
    <rPh sb="0" eb="1">
      <t>ウツク</t>
    </rPh>
    <rPh sb="3" eb="4">
      <t>モリ</t>
    </rPh>
    <phoneticPr fontId="1"/>
  </si>
  <si>
    <t>富山市下赤江町二丁目２－４３</t>
    <rPh sb="7" eb="10">
      <t>ニチョウメ</t>
    </rPh>
    <phoneticPr fontId="1"/>
  </si>
  <si>
    <t>富山市栄町１ー１０ー２２</t>
    <phoneticPr fontId="1"/>
  </si>
  <si>
    <t>富山市中島三丁目６－４２</t>
    <rPh sb="5" eb="8">
      <t>サンチョウメ</t>
    </rPh>
    <phoneticPr fontId="1"/>
  </si>
  <si>
    <t>富山市五福５区１７５８ー７</t>
    <phoneticPr fontId="1"/>
  </si>
  <si>
    <t>富山市道正６２－６</t>
    <phoneticPr fontId="1"/>
  </si>
  <si>
    <t>富山市稲荷元町２ー１０ー５　スタッフインビル１Ｆ</t>
    <phoneticPr fontId="1"/>
  </si>
  <si>
    <t>富山市下堀６２</t>
    <rPh sb="3" eb="4">
      <t>シモ</t>
    </rPh>
    <phoneticPr fontId="1"/>
  </si>
  <si>
    <t>ｈａｌｅ（ハレ）</t>
    <phoneticPr fontId="1"/>
  </si>
  <si>
    <t>富山市大町１２－３</t>
    <rPh sb="0" eb="3">
      <t>トヤマシ</t>
    </rPh>
    <rPh sb="3" eb="5">
      <t>オオマチ</t>
    </rPh>
    <phoneticPr fontId="1"/>
  </si>
  <si>
    <t>富山県富山市大町２６３－６</t>
    <rPh sb="0" eb="3">
      <t>トヤマケン</t>
    </rPh>
    <rPh sb="3" eb="6">
      <t>トヤマシ</t>
    </rPh>
    <rPh sb="6" eb="8">
      <t>オオマチ</t>
    </rPh>
    <phoneticPr fontId="1"/>
  </si>
  <si>
    <t>ａｔｏａ</t>
    <phoneticPr fontId="1"/>
  </si>
  <si>
    <t>富山市藤木２３５－１</t>
    <rPh sb="0" eb="3">
      <t>トヤマシ</t>
    </rPh>
    <rPh sb="3" eb="5">
      <t>フジキ</t>
    </rPh>
    <phoneticPr fontId="1"/>
  </si>
  <si>
    <t>ｅｎｄｅ．</t>
    <phoneticPr fontId="1"/>
  </si>
  <si>
    <t>富山市五福３５１２</t>
    <rPh sb="0" eb="3">
      <t>トヤマシ</t>
    </rPh>
    <rPh sb="3" eb="5">
      <t>ゴフク</t>
    </rPh>
    <phoneticPr fontId="1"/>
  </si>
  <si>
    <t>ヴィル五福一階</t>
    <rPh sb="3" eb="5">
      <t>ゴフク</t>
    </rPh>
    <rPh sb="5" eb="7">
      <t>イッカイ</t>
    </rPh>
    <phoneticPr fontId="1"/>
  </si>
  <si>
    <t>富山県富山市婦中町笹倉２００－１　落合橋ビル１階ーＡ</t>
    <rPh sb="6" eb="9">
      <t>フチュウマチ</t>
    </rPh>
    <rPh sb="9" eb="11">
      <t>ササクラ</t>
    </rPh>
    <rPh sb="17" eb="19">
      <t>オチアイ</t>
    </rPh>
    <rPh sb="19" eb="20">
      <t>バシ</t>
    </rPh>
    <rPh sb="23" eb="24">
      <t>カイ</t>
    </rPh>
    <phoneticPr fontId="1"/>
  </si>
  <si>
    <t>落合橋ビル１階－Ａ</t>
    <rPh sb="0" eb="2">
      <t>オチアイ</t>
    </rPh>
    <rPh sb="2" eb="3">
      <t>ハシ</t>
    </rPh>
    <rPh sb="6" eb="7">
      <t>カイ</t>
    </rPh>
    <phoneticPr fontId="1"/>
  </si>
  <si>
    <t>美容室　テン・ナイン</t>
    <rPh sb="0" eb="3">
      <t>ビヨウシツ</t>
    </rPh>
    <phoneticPr fontId="1"/>
  </si>
  <si>
    <t>ｈａｉｒ＆ｆｏｒｍ　ａｒ（ヘアーアンドフォーム　アール）</t>
    <phoneticPr fontId="1"/>
  </si>
  <si>
    <t>富山市常盤台３７－１５</t>
    <rPh sb="0" eb="3">
      <t>トヤマシ</t>
    </rPh>
    <rPh sb="3" eb="6">
      <t>トキワダイ</t>
    </rPh>
    <phoneticPr fontId="1"/>
  </si>
  <si>
    <t>ｓａｌｏｎ　ｓｔｕｄｉｏ　ｃｏｍｐａｓｓ</t>
    <phoneticPr fontId="1"/>
  </si>
  <si>
    <t>学校法人　和楽学園</t>
    <rPh sb="0" eb="2">
      <t>ガッコウ</t>
    </rPh>
    <rPh sb="2" eb="4">
      <t>ホウジン</t>
    </rPh>
    <rPh sb="5" eb="7">
      <t>ワラク</t>
    </rPh>
    <rPh sb="7" eb="9">
      <t>ガクエン</t>
    </rPh>
    <phoneticPr fontId="1"/>
  </si>
  <si>
    <t>富山市総曲輪三丁目３－１６</t>
    <rPh sb="0" eb="3">
      <t>トヤマシ</t>
    </rPh>
    <rPh sb="3" eb="6">
      <t>ソウガワ</t>
    </rPh>
    <rPh sb="6" eb="9">
      <t>サンチョウメ</t>
    </rPh>
    <phoneticPr fontId="1"/>
  </si>
  <si>
    <t>富山市栄町一丁目１ー１１</t>
    <rPh sb="5" eb="8">
      <t>イッチョウメ</t>
    </rPh>
    <phoneticPr fontId="1"/>
  </si>
  <si>
    <t>富山市山室３６－１</t>
    <rPh sb="0" eb="3">
      <t>トヤマシ</t>
    </rPh>
    <rPh sb="3" eb="5">
      <t>ヤマムロ</t>
    </rPh>
    <phoneticPr fontId="1"/>
  </si>
  <si>
    <t>ＩＢビル１Ｆ</t>
    <phoneticPr fontId="1"/>
  </si>
  <si>
    <t>ｃａｓａ　ｈｉｒｕ　ｇａｒｄｅｎ</t>
    <phoneticPr fontId="1"/>
  </si>
  <si>
    <t>富山市城村７４３－１</t>
    <rPh sb="0" eb="3">
      <t>トヤマシ</t>
    </rPh>
    <rPh sb="3" eb="5">
      <t>ジョウムラ</t>
    </rPh>
    <phoneticPr fontId="1"/>
  </si>
  <si>
    <t>さろん　麦んちのはなれ</t>
    <rPh sb="4" eb="5">
      <t>ムギ</t>
    </rPh>
    <phoneticPr fontId="1"/>
  </si>
  <si>
    <t>富山市秋吉１６３－１６</t>
    <phoneticPr fontId="1"/>
  </si>
  <si>
    <t>美容室　和み</t>
    <rPh sb="0" eb="3">
      <t>ビヨウシツ</t>
    </rPh>
    <rPh sb="4" eb="5">
      <t>ナゴ</t>
    </rPh>
    <phoneticPr fontId="1"/>
  </si>
  <si>
    <t>富山市五福１８７１－３</t>
    <rPh sb="0" eb="3">
      <t>トヤマシ</t>
    </rPh>
    <rPh sb="3" eb="5">
      <t>ゴフク</t>
    </rPh>
    <phoneticPr fontId="1"/>
  </si>
  <si>
    <t>セプト・クルール　１Ｆ</t>
    <phoneticPr fontId="1"/>
  </si>
  <si>
    <t>富山市下轡田１６１－２</t>
    <rPh sb="0" eb="3">
      <t>トヤマシ</t>
    </rPh>
    <rPh sb="3" eb="6">
      <t>シモクツワダ</t>
    </rPh>
    <phoneticPr fontId="1"/>
  </si>
  <si>
    <t>ｌｉｍｉ　ｆｕｃｈｕ</t>
    <phoneticPr fontId="1"/>
  </si>
  <si>
    <t>ｍａａｎｏ　ｈａｉｒ　ｗｏｒｋｓ</t>
    <phoneticPr fontId="1"/>
  </si>
  <si>
    <t>富山市下大久保１０４６－７</t>
    <rPh sb="0" eb="3">
      <t>トヤマシ</t>
    </rPh>
    <rPh sb="3" eb="7">
      <t>シモオオクボ</t>
    </rPh>
    <phoneticPr fontId="1"/>
  </si>
  <si>
    <t>サロン・ド・Ｓｅｌｅｎｅ（セレネ）</t>
    <phoneticPr fontId="1"/>
  </si>
  <si>
    <t>ｒｕｃｏ</t>
    <phoneticPr fontId="1"/>
  </si>
  <si>
    <t>富山市町村３５７</t>
    <rPh sb="0" eb="3">
      <t>トヤマシ</t>
    </rPh>
    <rPh sb="3" eb="5">
      <t>マチムラ</t>
    </rPh>
    <phoneticPr fontId="1"/>
  </si>
  <si>
    <t>Ｓｍａｒｔ　Ｓｑｕａｒｅ　Ｂ　１０６</t>
    <phoneticPr fontId="1"/>
  </si>
  <si>
    <t>Ａｇｕ　ｈａｉｒ　ｆｉｎｅ</t>
    <phoneticPr fontId="1"/>
  </si>
  <si>
    <t>富山市二口町一丁目２－１</t>
    <rPh sb="0" eb="3">
      <t>トヤマシ</t>
    </rPh>
    <rPh sb="3" eb="5">
      <t>フタクチ</t>
    </rPh>
    <rPh sb="5" eb="6">
      <t>マチ</t>
    </rPh>
    <rPh sb="6" eb="9">
      <t>イッチョウメ</t>
    </rPh>
    <phoneticPr fontId="1"/>
  </si>
  <si>
    <t>宮城県仙台市青葉区本町１－２－６　第二志ら梅ビル２階</t>
    <phoneticPr fontId="1"/>
  </si>
  <si>
    <t>富山市吉作４７９５</t>
    <rPh sb="0" eb="3">
      <t>トヤマシ</t>
    </rPh>
    <rPh sb="3" eb="5">
      <t>ヨシヅクリ</t>
    </rPh>
    <phoneticPr fontId="1"/>
  </si>
  <si>
    <t>ｓａｌｏｎ　チアリス</t>
    <phoneticPr fontId="1"/>
  </si>
  <si>
    <t>富山市千石町五丁目６－２</t>
    <rPh sb="0" eb="3">
      <t>トヤマシ</t>
    </rPh>
    <rPh sb="3" eb="6">
      <t>センゴクチョウ</t>
    </rPh>
    <rPh sb="6" eb="9">
      <t>ゴチョウメ</t>
    </rPh>
    <phoneticPr fontId="1"/>
  </si>
  <si>
    <t>富山市二口町五丁目６－６</t>
    <rPh sb="0" eb="3">
      <t>トヤマシ</t>
    </rPh>
    <rPh sb="3" eb="5">
      <t>フタクチ</t>
    </rPh>
    <rPh sb="5" eb="6">
      <t>マチ</t>
    </rPh>
    <rPh sb="6" eb="9">
      <t>ゴチョウメ</t>
    </rPh>
    <phoneticPr fontId="1"/>
  </si>
  <si>
    <t>ＭＮビル　１Ｆ</t>
    <phoneticPr fontId="1"/>
  </si>
  <si>
    <t>埼玉県所沢市緑町四丁目１－１８</t>
    <rPh sb="0" eb="3">
      <t>サイタマケン</t>
    </rPh>
    <rPh sb="3" eb="6">
      <t>トコロザワシ</t>
    </rPh>
    <rPh sb="6" eb="7">
      <t>ミドリ</t>
    </rPh>
    <rPh sb="7" eb="8">
      <t>チョウ</t>
    </rPh>
    <rPh sb="8" eb="11">
      <t>ヨンチョウメ</t>
    </rPh>
    <phoneticPr fontId="1"/>
  </si>
  <si>
    <t>Ｌｉｏｒａ（ リオラ ）</t>
    <phoneticPr fontId="1"/>
  </si>
  <si>
    <t>コレスポンデンス</t>
    <phoneticPr fontId="1"/>
  </si>
  <si>
    <t>ｎｅａｒ．ｈａｉｒ　ｒｏｏｍ（ニアー　ヘアールーム）</t>
    <phoneticPr fontId="1"/>
  </si>
  <si>
    <t>富山市田刈屋３０４－１</t>
    <rPh sb="0" eb="3">
      <t>トヤマシ</t>
    </rPh>
    <rPh sb="3" eb="6">
      <t>タカリヤ</t>
    </rPh>
    <phoneticPr fontId="1"/>
  </si>
  <si>
    <t>富山市五福１０－１</t>
    <rPh sb="0" eb="3">
      <t>トヤマシ</t>
    </rPh>
    <rPh sb="3" eb="5">
      <t>ゴフク</t>
    </rPh>
    <phoneticPr fontId="1"/>
  </si>
  <si>
    <t>富山市願海寺３８４－１</t>
    <rPh sb="0" eb="3">
      <t>トヤマシ</t>
    </rPh>
    <rPh sb="3" eb="6">
      <t>ガンカイジ</t>
    </rPh>
    <phoneticPr fontId="1"/>
  </si>
  <si>
    <t>Ｒｅｐｏｓ（ルポ）</t>
    <phoneticPr fontId="1"/>
  </si>
  <si>
    <t>ｈａｉｒ　ｓａｌｏｎ　ｃｒｅｓｔａ</t>
    <phoneticPr fontId="1"/>
  </si>
  <si>
    <t>ＢＯＯＢＥＥ</t>
    <phoneticPr fontId="1"/>
  </si>
  <si>
    <t>富山市上本町８－２１</t>
    <rPh sb="0" eb="3">
      <t>トヤマシ</t>
    </rPh>
    <rPh sb="3" eb="6">
      <t>カミホンマチ</t>
    </rPh>
    <phoneticPr fontId="1"/>
  </si>
  <si>
    <t>太陽ビル　１Ｆ</t>
    <rPh sb="0" eb="2">
      <t>タイヨウ</t>
    </rPh>
    <phoneticPr fontId="1"/>
  </si>
  <si>
    <t>Ｈａｉｒ　ＲＩＴＺ　ヘアリッツ</t>
    <phoneticPr fontId="1"/>
  </si>
  <si>
    <t>東京都新宿区新宿六丁目７－１　エルプリメント新宿４階４１１</t>
    <rPh sb="0" eb="3">
      <t>トウキョウト</t>
    </rPh>
    <rPh sb="3" eb="6">
      <t>シンジュクク</t>
    </rPh>
    <rPh sb="6" eb="8">
      <t>シンジュク</t>
    </rPh>
    <rPh sb="8" eb="11">
      <t>ロクチョウメ</t>
    </rPh>
    <rPh sb="22" eb="24">
      <t>シンジュク</t>
    </rPh>
    <rPh sb="25" eb="26">
      <t>カイ</t>
    </rPh>
    <phoneticPr fontId="1"/>
  </si>
  <si>
    <t>アン　シュ　シュ</t>
    <phoneticPr fontId="1"/>
  </si>
  <si>
    <t>富山市雄山町５－１６</t>
    <rPh sb="0" eb="3">
      <t>トヤマシ</t>
    </rPh>
    <rPh sb="3" eb="6">
      <t>オヤマチョウ</t>
    </rPh>
    <phoneticPr fontId="1"/>
  </si>
  <si>
    <t>富山市鹿島町二丁目１－１８</t>
    <rPh sb="0" eb="3">
      <t>トヤマシ</t>
    </rPh>
    <rPh sb="3" eb="6">
      <t>カシマチョウ</t>
    </rPh>
    <rPh sb="6" eb="9">
      <t>ニチョウメ</t>
    </rPh>
    <phoneticPr fontId="1"/>
  </si>
  <si>
    <t>ｎｏｍａｄ（ノマド）</t>
    <phoneticPr fontId="1"/>
  </si>
  <si>
    <t>富山市磯部町三丁目２－２</t>
    <rPh sb="0" eb="3">
      <t>トヤマシ</t>
    </rPh>
    <rPh sb="3" eb="5">
      <t>イソベ</t>
    </rPh>
    <rPh sb="5" eb="6">
      <t>マチ</t>
    </rPh>
    <rPh sb="6" eb="9">
      <t>サンチョウメ</t>
    </rPh>
    <phoneticPr fontId="1"/>
  </si>
  <si>
    <t>富山市呉羽町２５４－１１</t>
    <rPh sb="0" eb="3">
      <t>トヤマシ</t>
    </rPh>
    <rPh sb="3" eb="6">
      <t>クレハマチ</t>
    </rPh>
    <phoneticPr fontId="1"/>
  </si>
  <si>
    <t>Ｂｏｕｑｕｅｔ</t>
    <phoneticPr fontId="1"/>
  </si>
  <si>
    <t>ｋｏｋｏｍｉ</t>
    <phoneticPr fontId="1"/>
  </si>
  <si>
    <t>富山市荒川新町４－１７</t>
    <rPh sb="0" eb="3">
      <t>トヤマシ</t>
    </rPh>
    <rPh sb="3" eb="5">
      <t>アラカワ</t>
    </rPh>
    <phoneticPr fontId="1"/>
  </si>
  <si>
    <t>富山市荒川新町４－１７　ＳＡＡＢビルⅡ</t>
    <rPh sb="0" eb="3">
      <t>トヤマシ</t>
    </rPh>
    <rPh sb="3" eb="5">
      <t>アラカワ</t>
    </rPh>
    <rPh sb="5" eb="7">
      <t>シンマチ</t>
    </rPh>
    <phoneticPr fontId="1"/>
  </si>
  <si>
    <t>ＭＯＲＥ</t>
    <phoneticPr fontId="1"/>
  </si>
  <si>
    <t>富山市荒川五丁目１－１４</t>
    <rPh sb="0" eb="3">
      <t>トヤマシ</t>
    </rPh>
    <rPh sb="3" eb="5">
      <t>アラカワ</t>
    </rPh>
    <rPh sb="5" eb="8">
      <t>ゴチョウメ</t>
    </rPh>
    <phoneticPr fontId="1"/>
  </si>
  <si>
    <t>オアシス荒川１０１</t>
    <rPh sb="4" eb="6">
      <t>アラカワ</t>
    </rPh>
    <phoneticPr fontId="1"/>
  </si>
  <si>
    <t>Ｇｒａｎｄｅｕｒ（グランドール）</t>
    <phoneticPr fontId="1"/>
  </si>
  <si>
    <t>Ｄ－ＢＯＸ常盤台Ⅱ　２０３号室</t>
    <rPh sb="5" eb="8">
      <t>トキワダイ</t>
    </rPh>
    <rPh sb="13" eb="14">
      <t>ゴウ</t>
    </rPh>
    <rPh sb="14" eb="15">
      <t>シツ</t>
    </rPh>
    <phoneticPr fontId="1"/>
  </si>
  <si>
    <t>ｅｙｅｌａｓｈ　ｓａｌｏｎ　Ｉｍ．</t>
    <phoneticPr fontId="1"/>
  </si>
  <si>
    <t>富山市掛尾町２８４－３</t>
    <rPh sb="0" eb="3">
      <t>トヤマシ</t>
    </rPh>
    <rPh sb="3" eb="6">
      <t>カケオマチ</t>
    </rPh>
    <phoneticPr fontId="1"/>
  </si>
  <si>
    <t>高岡市横田町１－１－１１</t>
    <rPh sb="3" eb="5">
      <t>ヨコタ</t>
    </rPh>
    <rPh sb="5" eb="6">
      <t>マチ</t>
    </rPh>
    <phoneticPr fontId="1"/>
  </si>
  <si>
    <t>ｈａｉｒ　ｓａｌｏｎ　ｃｏｎｅｃｔ</t>
    <phoneticPr fontId="1"/>
  </si>
  <si>
    <t>ｈａｉｒ＆ｓｐａ　ｇａｌｅｔｔｅ（ガレット）</t>
    <phoneticPr fontId="1"/>
  </si>
  <si>
    <t>富山市旭町５－１１</t>
    <rPh sb="0" eb="3">
      <t>トヤマシ</t>
    </rPh>
    <phoneticPr fontId="1"/>
  </si>
  <si>
    <t>１Ｆ</t>
    <phoneticPr fontId="1"/>
  </si>
  <si>
    <t>富山市黒瀬北町二丁目３－４</t>
    <rPh sb="0" eb="3">
      <t>トヤマシ</t>
    </rPh>
    <rPh sb="3" eb="7">
      <t>クロセキタマチ</t>
    </rPh>
    <rPh sb="7" eb="10">
      <t>ニチョウメ</t>
    </rPh>
    <phoneticPr fontId="1"/>
  </si>
  <si>
    <t>東京都台東区上野７－４－９</t>
    <rPh sb="0" eb="3">
      <t>トウキョウト</t>
    </rPh>
    <rPh sb="3" eb="6">
      <t>タイトウク</t>
    </rPh>
    <rPh sb="6" eb="8">
      <t>ウエノ</t>
    </rPh>
    <phoneticPr fontId="1"/>
  </si>
  <si>
    <t>カラー倶楽部</t>
    <rPh sb="3" eb="6">
      <t>クラブ</t>
    </rPh>
    <phoneticPr fontId="1"/>
  </si>
  <si>
    <t>ＴＯＡ黒瀬ビル　１Ｆ</t>
    <rPh sb="3" eb="5">
      <t>クロセ</t>
    </rPh>
    <phoneticPr fontId="1"/>
  </si>
  <si>
    <t>富山市太郎丸本町二丁目４－１９</t>
    <rPh sb="0" eb="3">
      <t>トヤマシ</t>
    </rPh>
    <rPh sb="3" eb="6">
      <t>タロウマル</t>
    </rPh>
    <rPh sb="6" eb="8">
      <t>ホンマチ</t>
    </rPh>
    <rPh sb="8" eb="11">
      <t>ニチョウメ</t>
    </rPh>
    <phoneticPr fontId="1"/>
  </si>
  <si>
    <t>ＭＩＬＡＮＤＡ</t>
    <phoneticPr fontId="1"/>
  </si>
  <si>
    <t>グランカメリア　１Ｆ</t>
    <phoneticPr fontId="1"/>
  </si>
  <si>
    <t>富山市新庄町３２－１</t>
    <rPh sb="0" eb="3">
      <t>トヤマシ</t>
    </rPh>
    <rPh sb="3" eb="6">
      <t>シンジョウマチ</t>
    </rPh>
    <phoneticPr fontId="1"/>
  </si>
  <si>
    <t>ＬＵＳＴ</t>
    <phoneticPr fontId="1"/>
  </si>
  <si>
    <t>富山市太郎丸本町三丁目９－１６</t>
    <rPh sb="0" eb="3">
      <t>トヤマシ</t>
    </rPh>
    <rPh sb="3" eb="5">
      <t>タロウ</t>
    </rPh>
    <rPh sb="5" eb="6">
      <t>マル</t>
    </rPh>
    <rPh sb="6" eb="8">
      <t>ホンマチ</t>
    </rPh>
    <rPh sb="8" eb="11">
      <t>サンチョウメ</t>
    </rPh>
    <phoneticPr fontId="1"/>
  </si>
  <si>
    <t>ｌａｓｈｏｕｅｔｔｅ</t>
    <phoneticPr fontId="1"/>
  </si>
  <si>
    <t>富山市中川原新町４７</t>
    <rPh sb="0" eb="3">
      <t>トヤマシ</t>
    </rPh>
    <rPh sb="3" eb="8">
      <t>ナカガワラシンマチ</t>
    </rPh>
    <phoneticPr fontId="1"/>
  </si>
  <si>
    <t>ファーストⅢ　２１３</t>
    <phoneticPr fontId="1"/>
  </si>
  <si>
    <t>富山市布瀬町二丁目１６－１０</t>
    <rPh sb="6" eb="9">
      <t>ニチョウメ</t>
    </rPh>
    <phoneticPr fontId="1"/>
  </si>
  <si>
    <t>富山市花園町三丁目５－３１</t>
    <rPh sb="6" eb="9">
      <t>サンチョウメ</t>
    </rPh>
    <phoneticPr fontId="1"/>
  </si>
  <si>
    <t>富山市花園町三丁目２－８</t>
    <rPh sb="6" eb="9">
      <t>サンチョウメ</t>
    </rPh>
    <phoneticPr fontId="1"/>
  </si>
  <si>
    <t>デ．ジャン．エゴイスト</t>
    <phoneticPr fontId="1"/>
  </si>
  <si>
    <t>富山市花園町３三丁目２ー１５</t>
    <rPh sb="7" eb="10">
      <t>サンチョウメ</t>
    </rPh>
    <phoneticPr fontId="1"/>
  </si>
  <si>
    <t>Ｈａｉｒ　Ｃｏｎｎｅｃｔ　Ｓｉｇｎ</t>
    <phoneticPr fontId="1"/>
  </si>
  <si>
    <t>富山市大泉本町一丁目４－１４</t>
    <rPh sb="0" eb="3">
      <t>トヤマシ</t>
    </rPh>
    <rPh sb="3" eb="5">
      <t>オオイズミ</t>
    </rPh>
    <rPh sb="5" eb="7">
      <t>ホンマチ</t>
    </rPh>
    <rPh sb="7" eb="10">
      <t>イッチョウメ</t>
    </rPh>
    <phoneticPr fontId="1"/>
  </si>
  <si>
    <t>パレット大泉１－Ｎ</t>
    <rPh sb="4" eb="6">
      <t>オオイズミ</t>
    </rPh>
    <phoneticPr fontId="1"/>
  </si>
  <si>
    <t>ＨＡＦＵ</t>
    <phoneticPr fontId="1"/>
  </si>
  <si>
    <t>富山市清水元町6-24</t>
    <phoneticPr fontId="1"/>
  </si>
  <si>
    <t>アイラッシュサロン　ａｉｌｅ（ネイルサロンＴｅｔｅ）</t>
    <phoneticPr fontId="1"/>
  </si>
  <si>
    <t>富山市神通本町一丁目３－１４</t>
    <rPh sb="0" eb="3">
      <t>トヤマシ</t>
    </rPh>
    <rPh sb="3" eb="5">
      <t>ジンヅウ</t>
    </rPh>
    <rPh sb="5" eb="7">
      <t>ホンマチ</t>
    </rPh>
    <rPh sb="7" eb="10">
      <t>イッチョウメ</t>
    </rPh>
    <phoneticPr fontId="1"/>
  </si>
  <si>
    <t>３Ｆ</t>
    <phoneticPr fontId="1"/>
  </si>
  <si>
    <t>富山市奥田双葉町１－４１</t>
    <rPh sb="0" eb="3">
      <t>トヤマシ</t>
    </rPh>
    <rPh sb="3" eb="5">
      <t>オクダ</t>
    </rPh>
    <rPh sb="5" eb="8">
      <t>フタバマチ</t>
    </rPh>
    <phoneticPr fontId="1"/>
  </si>
  <si>
    <t>ネイルサロン　Ｂｅ</t>
    <phoneticPr fontId="1"/>
  </si>
  <si>
    <t>富山市太田２１２０</t>
    <rPh sb="0" eb="3">
      <t>トヤマシ</t>
    </rPh>
    <rPh sb="3" eb="5">
      <t>オオタ</t>
    </rPh>
    <phoneticPr fontId="1"/>
  </si>
  <si>
    <t>Ｄｏｕｂｌｅ×Ｆ</t>
    <phoneticPr fontId="1"/>
  </si>
  <si>
    <t>富山市宝町一丁目３－１７</t>
    <rPh sb="0" eb="3">
      <t>トヤマシ</t>
    </rPh>
    <rPh sb="5" eb="8">
      <t>イッチョウメ</t>
    </rPh>
    <phoneticPr fontId="1"/>
  </si>
  <si>
    <t>サンコーポ中駒１Ｆ　１０２</t>
    <rPh sb="5" eb="6">
      <t>ナカ</t>
    </rPh>
    <rPh sb="6" eb="7">
      <t>ゴマ</t>
    </rPh>
    <phoneticPr fontId="1"/>
  </si>
  <si>
    <t>富山市清水元町１－１８</t>
    <rPh sb="0" eb="3">
      <t>トヤマシ</t>
    </rPh>
    <rPh sb="3" eb="5">
      <t>シミズ</t>
    </rPh>
    <rPh sb="5" eb="7">
      <t>モトマチ</t>
    </rPh>
    <phoneticPr fontId="1"/>
  </si>
  <si>
    <t>桑島ビルＡ棟　１０３</t>
    <rPh sb="5" eb="6">
      <t>トウ</t>
    </rPh>
    <phoneticPr fontId="1"/>
  </si>
  <si>
    <t>ｆｉｌｍｅ</t>
    <phoneticPr fontId="1"/>
  </si>
  <si>
    <t>富山市新庄町一丁目４－３４－１２</t>
    <rPh sb="6" eb="9">
      <t>イッチョウメ</t>
    </rPh>
    <phoneticPr fontId="1"/>
  </si>
  <si>
    <t>ネイルマツエクサロン　I　ｂｅａｕｔｙ</t>
    <phoneticPr fontId="1"/>
  </si>
  <si>
    <t>（００２）</t>
    <phoneticPr fontId="1"/>
  </si>
  <si>
    <t>髪剪處（かみきりどころ）</t>
    <phoneticPr fontId="1"/>
  </si>
  <si>
    <t>ファボーレの湯内</t>
    <phoneticPr fontId="1"/>
  </si>
  <si>
    <t>愛知県名古屋市西区枇杷島１－７－１９</t>
    <rPh sb="0" eb="3">
      <t>アイチケン</t>
    </rPh>
    <rPh sb="3" eb="7">
      <t>ナゴヤシ</t>
    </rPh>
    <rPh sb="7" eb="9">
      <t>ニシク</t>
    </rPh>
    <rPh sb="9" eb="11">
      <t>ビワ</t>
    </rPh>
    <rPh sb="11" eb="12">
      <t>トウ</t>
    </rPh>
    <phoneticPr fontId="1"/>
  </si>
  <si>
    <t>富山市稲荷町三丁目６－８</t>
    <rPh sb="0" eb="3">
      <t>トヤマシ</t>
    </rPh>
    <rPh sb="6" eb="9">
      <t>サンチョウメ</t>
    </rPh>
    <phoneticPr fontId="1"/>
  </si>
  <si>
    <t>ｏｎｅ×ｏｎｅ　ＨＡＩＲ</t>
    <phoneticPr fontId="1"/>
  </si>
  <si>
    <t>ｄｉｍ.</t>
    <phoneticPr fontId="1"/>
  </si>
  <si>
    <t>富山市八人町１－１３</t>
    <rPh sb="0" eb="3">
      <t>トヤマシ</t>
    </rPh>
    <rPh sb="3" eb="6">
      <t>ハチニンマチ</t>
    </rPh>
    <phoneticPr fontId="1"/>
  </si>
  <si>
    <t>富山市婦中町速星１２３－１</t>
    <rPh sb="6" eb="8">
      <t>ハヤホシ</t>
    </rPh>
    <phoneticPr fontId="1"/>
  </si>
  <si>
    <t>Ｒｉｔｕｒｅ</t>
    <phoneticPr fontId="1"/>
  </si>
  <si>
    <t>富山市呉羽町６８０７－３３</t>
    <rPh sb="0" eb="3">
      <t>トヤマシ</t>
    </rPh>
    <rPh sb="3" eb="6">
      <t>クレハマチ</t>
    </rPh>
    <phoneticPr fontId="1"/>
  </si>
  <si>
    <t>ＰＵＲ（ピュール）</t>
    <phoneticPr fontId="1"/>
  </si>
  <si>
    <t>富山市掛尾町４５３</t>
    <rPh sb="0" eb="3">
      <t>トヤマシ</t>
    </rPh>
    <rPh sb="3" eb="6">
      <t>カケオマチ</t>
    </rPh>
    <phoneticPr fontId="1"/>
  </si>
  <si>
    <t>ローレックス掛尾１０５号</t>
    <phoneticPr fontId="1"/>
  </si>
  <si>
    <t>ｍｅ.</t>
    <phoneticPr fontId="1"/>
  </si>
  <si>
    <t>富山市掛尾町２５－１</t>
    <rPh sb="0" eb="3">
      <t>トヤマシ</t>
    </rPh>
    <rPh sb="3" eb="6">
      <t>カケオマチ</t>
    </rPh>
    <phoneticPr fontId="1"/>
  </si>
  <si>
    <t>Ｍｉｎｅ（マイン）</t>
    <phoneticPr fontId="1"/>
  </si>
  <si>
    <t>富山市二口町一丁目１－５</t>
    <rPh sb="0" eb="3">
      <t>トヤマシ</t>
    </rPh>
    <rPh sb="3" eb="5">
      <t>フタクチ</t>
    </rPh>
    <rPh sb="5" eb="6">
      <t>マチ</t>
    </rPh>
    <rPh sb="6" eb="9">
      <t>イッチョウメ</t>
    </rPh>
    <phoneticPr fontId="1"/>
  </si>
  <si>
    <t>泰成ビル１０１</t>
    <rPh sb="0" eb="1">
      <t>タイ</t>
    </rPh>
    <rPh sb="1" eb="2">
      <t>セイ</t>
    </rPh>
    <phoneticPr fontId="1"/>
  </si>
  <si>
    <t>富山市於保多町５－１５　亀谷アパート</t>
    <rPh sb="12" eb="14">
      <t>カメヤ</t>
    </rPh>
    <phoneticPr fontId="1"/>
  </si>
  <si>
    <t>富山市小泉町３３</t>
    <rPh sb="0" eb="3">
      <t>トヤマシ</t>
    </rPh>
    <rPh sb="3" eb="6">
      <t>コイズミチョウ</t>
    </rPh>
    <phoneticPr fontId="1"/>
  </si>
  <si>
    <t>美容室　Ｃａｒｉｎａ・Ｃａｒｉｎｏ</t>
    <rPh sb="0" eb="3">
      <t>ビヨウシツ</t>
    </rPh>
    <phoneticPr fontId="1"/>
  </si>
  <si>
    <t>富山市南新町３－１２</t>
    <rPh sb="0" eb="3">
      <t>トヤマシ</t>
    </rPh>
    <rPh sb="3" eb="6">
      <t>ミナミシンマチ</t>
    </rPh>
    <phoneticPr fontId="1"/>
  </si>
  <si>
    <t>ｃｈａｒｍｅ　ｄｅ　ｋ</t>
    <phoneticPr fontId="1"/>
  </si>
  <si>
    <t>Ｃｏｍｍｅ　Ｃｈｅｖｅｕｘ（コムシュブー）</t>
    <phoneticPr fontId="1"/>
  </si>
  <si>
    <t>富山市婦中町砂子田１４１－２</t>
    <rPh sb="0" eb="3">
      <t>トヤマシ</t>
    </rPh>
    <rPh sb="3" eb="6">
      <t>フチュウマチ</t>
    </rPh>
    <rPh sb="6" eb="9">
      <t>スナゴダ</t>
    </rPh>
    <phoneticPr fontId="1"/>
  </si>
  <si>
    <t>ｅｙｅｌａｓｈ　ｓａｌｏｎ　Ｍ</t>
    <phoneticPr fontId="1"/>
  </si>
  <si>
    <t>富山市山室荒屋新町３８０</t>
    <rPh sb="0" eb="3">
      <t>トヤマシ</t>
    </rPh>
    <rPh sb="3" eb="5">
      <t>ヤマムロ</t>
    </rPh>
    <rPh sb="5" eb="7">
      <t>アラヤ</t>
    </rPh>
    <phoneticPr fontId="1"/>
  </si>
  <si>
    <t>アデランス富山</t>
    <phoneticPr fontId="1"/>
  </si>
  <si>
    <t>富山市新桜町２－２６</t>
    <rPh sb="0" eb="3">
      <t>トヤマシ</t>
    </rPh>
    <rPh sb="3" eb="6">
      <t>シンサクラマチ</t>
    </rPh>
    <phoneticPr fontId="1"/>
  </si>
  <si>
    <t>あるぺん村新桜町ビル３Ｆ</t>
    <rPh sb="4" eb="5">
      <t>ムラ</t>
    </rPh>
    <rPh sb="5" eb="8">
      <t>シンサクラマチ</t>
    </rPh>
    <phoneticPr fontId="1"/>
  </si>
  <si>
    <t>メンズ専門眉毛サロン　レブロ</t>
    <rPh sb="3" eb="5">
      <t>センモン</t>
    </rPh>
    <rPh sb="5" eb="7">
      <t>マユゲ</t>
    </rPh>
    <phoneticPr fontId="1"/>
  </si>
  <si>
    <t>富山市太田口通り三丁目１－１３</t>
    <rPh sb="0" eb="3">
      <t>トヤマシ</t>
    </rPh>
    <rPh sb="3" eb="6">
      <t>オオタグチ</t>
    </rPh>
    <rPh sb="6" eb="7">
      <t>トオ</t>
    </rPh>
    <rPh sb="8" eb="11">
      <t>サンチョウメ</t>
    </rPh>
    <phoneticPr fontId="1"/>
  </si>
  <si>
    <t>富山市布瀬本町２－１　Ｍａｋｅｉｔ　２Ｆ</t>
    <rPh sb="0" eb="3">
      <t>トヤマシ</t>
    </rPh>
    <rPh sb="3" eb="7">
      <t>ヌノセホンマチ</t>
    </rPh>
    <phoneticPr fontId="1"/>
  </si>
  <si>
    <t>ｓｏｒｅｌｌｅ</t>
    <phoneticPr fontId="1"/>
  </si>
  <si>
    <t>富山市高畠町一丁目２－１</t>
    <rPh sb="0" eb="3">
      <t>トヤマシ</t>
    </rPh>
    <rPh sb="3" eb="5">
      <t>タカバタケ</t>
    </rPh>
    <rPh sb="5" eb="6">
      <t>マチ</t>
    </rPh>
    <rPh sb="6" eb="9">
      <t>イッチョウメ</t>
    </rPh>
    <phoneticPr fontId="1"/>
  </si>
  <si>
    <t>ｍａｉｄ</t>
    <phoneticPr fontId="1"/>
  </si>
  <si>
    <t>富山市清水町三丁目３－７</t>
    <rPh sb="0" eb="3">
      <t>トヤマシ</t>
    </rPh>
    <rPh sb="3" eb="5">
      <t>シミズ</t>
    </rPh>
    <rPh sb="5" eb="6">
      <t>マチ</t>
    </rPh>
    <rPh sb="6" eb="9">
      <t>サンチョウメ</t>
    </rPh>
    <phoneticPr fontId="1"/>
  </si>
  <si>
    <t>リーテ</t>
    <phoneticPr fontId="1"/>
  </si>
  <si>
    <t>富山市布瀬町一丁目４－５９</t>
    <rPh sb="0" eb="3">
      <t>トヤマシ</t>
    </rPh>
    <rPh sb="3" eb="6">
      <t>ヌノセマチ</t>
    </rPh>
    <rPh sb="6" eb="9">
      <t>イッチョウメ</t>
    </rPh>
    <phoneticPr fontId="1"/>
  </si>
  <si>
    <t>ｓｈｅｅｒ　ｌｙｒｉｃ</t>
    <phoneticPr fontId="1"/>
  </si>
  <si>
    <t>富山市婦中町千里３１０－１</t>
    <rPh sb="0" eb="3">
      <t>トヤマシ</t>
    </rPh>
    <rPh sb="3" eb="6">
      <t>フチュウマチ</t>
    </rPh>
    <rPh sb="6" eb="8">
      <t>チサト</t>
    </rPh>
    <phoneticPr fontId="1"/>
  </si>
  <si>
    <t>富山市文京町一丁目１－１１</t>
    <rPh sb="0" eb="3">
      <t>トヤマシ</t>
    </rPh>
    <rPh sb="3" eb="6">
      <t>ブンキョウマチ</t>
    </rPh>
    <rPh sb="6" eb="9">
      <t>イッチョウメ</t>
    </rPh>
    <phoneticPr fontId="1"/>
  </si>
  <si>
    <t>ビューティサロンしみず</t>
    <phoneticPr fontId="1"/>
  </si>
  <si>
    <t>ｅｙｅ　ａｎｄ　ｅｓｔｈ　‵ａｍｏ</t>
    <phoneticPr fontId="1"/>
  </si>
  <si>
    <t>富山市蓮町一丁目２３６－１</t>
    <rPh sb="0" eb="3">
      <t>トヤマシ</t>
    </rPh>
    <rPh sb="5" eb="8">
      <t>イッチョウメ</t>
    </rPh>
    <phoneticPr fontId="1"/>
  </si>
  <si>
    <t>ｋｏｐｉ　ｌｕｗａｋｋ</t>
    <phoneticPr fontId="1"/>
  </si>
  <si>
    <t>ｓｏｌｔ.ｅｙｅｄｅｓｉｇｎ</t>
    <phoneticPr fontId="1"/>
  </si>
  <si>
    <t>富山市奥田町２０－２５</t>
    <rPh sb="0" eb="3">
      <t>トヤマシ</t>
    </rPh>
    <rPh sb="3" eb="5">
      <t>オクダ</t>
    </rPh>
    <rPh sb="5" eb="6">
      <t>マチ</t>
    </rPh>
    <phoneticPr fontId="1"/>
  </si>
  <si>
    <t>塩谷奥田町ビル２Ｆ２０２号</t>
    <rPh sb="0" eb="2">
      <t>シオタニ</t>
    </rPh>
    <rPh sb="2" eb="4">
      <t>オクダ</t>
    </rPh>
    <rPh sb="4" eb="5">
      <t>マチ</t>
    </rPh>
    <rPh sb="12" eb="13">
      <t>ゴウ</t>
    </rPh>
    <phoneticPr fontId="1"/>
  </si>
  <si>
    <t>Ｒｅｔｏ</t>
    <phoneticPr fontId="1"/>
  </si>
  <si>
    <t>富山市婦中町羽根６５－１</t>
    <rPh sb="0" eb="3">
      <t>トヤマシ</t>
    </rPh>
    <rPh sb="3" eb="6">
      <t>フチュウマチ</t>
    </rPh>
    <rPh sb="6" eb="8">
      <t>ハネ</t>
    </rPh>
    <phoneticPr fontId="1"/>
  </si>
  <si>
    <t>第３中川ビル１Ｆ　Ｄ区</t>
    <phoneticPr fontId="1"/>
  </si>
  <si>
    <t>ｋａｈｕｎｅ</t>
    <phoneticPr fontId="1"/>
  </si>
  <si>
    <t>一星ビル１Ｆ</t>
    <rPh sb="0" eb="1">
      <t>イチ</t>
    </rPh>
    <rPh sb="1" eb="2">
      <t>ホシ</t>
    </rPh>
    <phoneticPr fontId="1"/>
  </si>
  <si>
    <t>Ｔｈｅ　ｓａｌｏｎ</t>
    <phoneticPr fontId="1"/>
  </si>
  <si>
    <t>富山市新根塚町二丁目９－１６</t>
    <rPh sb="0" eb="3">
      <t>トヤマシ</t>
    </rPh>
    <rPh sb="3" eb="7">
      <t>シンネヅカマチ</t>
    </rPh>
    <rPh sb="7" eb="10">
      <t>ニチョウメ</t>
    </rPh>
    <phoneticPr fontId="1"/>
  </si>
  <si>
    <t>Ｍ・ＦＢＵＩＬⅡ</t>
    <phoneticPr fontId="1"/>
  </si>
  <si>
    <t>ドゥエルコート住吉１Ｆ</t>
    <rPh sb="7" eb="9">
      <t>スミヨシ</t>
    </rPh>
    <phoneticPr fontId="1"/>
  </si>
  <si>
    <t>富山市本郷町２４１－２５</t>
    <phoneticPr fontId="1"/>
  </si>
  <si>
    <t>富山市今泉西部町２－１５</t>
    <phoneticPr fontId="1"/>
  </si>
  <si>
    <t>ビューティ大阪美容室　本店</t>
    <rPh sb="5" eb="7">
      <t>オオサカ</t>
    </rPh>
    <rPh sb="7" eb="10">
      <t>ビヨウシツ</t>
    </rPh>
    <rPh sb="11" eb="13">
      <t>ホンテン</t>
    </rPh>
    <phoneticPr fontId="1"/>
  </si>
  <si>
    <t>ビューティ大阪美容室　Ｒ４１店</t>
    <rPh sb="5" eb="7">
      <t>オオサカ</t>
    </rPh>
    <rPh sb="7" eb="10">
      <t>ビヨウシツ</t>
    </rPh>
    <rPh sb="14" eb="15">
      <t>テン</t>
    </rPh>
    <phoneticPr fontId="1"/>
  </si>
  <si>
    <t>富山市八尾町福島三丁目８５－２</t>
    <rPh sb="8" eb="11">
      <t>サンチョウメ</t>
    </rPh>
    <phoneticPr fontId="1"/>
  </si>
  <si>
    <t>ヘアーサロン　ミルキーウエイ</t>
    <phoneticPr fontId="1"/>
  </si>
  <si>
    <t>富山市草島173-7</t>
    <rPh sb="0" eb="3">
      <t>トヤマシ</t>
    </rPh>
    <phoneticPr fontId="1"/>
  </si>
  <si>
    <t>トルペ　ヘアデザイン</t>
    <phoneticPr fontId="1"/>
  </si>
  <si>
    <t>ＫｉｒａＫｉｒａＳｏｎｉａ</t>
    <phoneticPr fontId="1"/>
  </si>
  <si>
    <t>富山市五福５－１１５</t>
    <phoneticPr fontId="1"/>
  </si>
  <si>
    <t>ＭＡＭＡＤＯ</t>
    <phoneticPr fontId="1"/>
  </si>
  <si>
    <t>富山市清水町二丁目４－１</t>
    <rPh sb="0" eb="3">
      <t>トヤマシ</t>
    </rPh>
    <rPh sb="3" eb="6">
      <t>シミズマチ</t>
    </rPh>
    <rPh sb="6" eb="9">
      <t>ニチョウメ</t>
    </rPh>
    <phoneticPr fontId="1"/>
  </si>
  <si>
    <t>ＰＯＷＤＥＲ　ｄｅｕｘ．</t>
    <phoneticPr fontId="1"/>
  </si>
  <si>
    <t>富山市上大久保１</t>
    <rPh sb="0" eb="3">
      <t>トヤマシ</t>
    </rPh>
    <rPh sb="3" eb="7">
      <t>カミオオクボ</t>
    </rPh>
    <phoneticPr fontId="1"/>
  </si>
  <si>
    <t>シェール・ピエール</t>
    <phoneticPr fontId="1"/>
  </si>
  <si>
    <t>富山市一番町５－１６－１</t>
    <rPh sb="0" eb="3">
      <t>トヤマシ</t>
    </rPh>
    <rPh sb="3" eb="5">
      <t>イチバン</t>
    </rPh>
    <rPh sb="5" eb="6">
      <t>マチ</t>
    </rPh>
    <phoneticPr fontId="1"/>
  </si>
  <si>
    <t>ＳＡｌｉ’ａ</t>
    <phoneticPr fontId="1"/>
  </si>
  <si>
    <t>富山市婦中町砂子田８１－１１２</t>
    <phoneticPr fontId="1"/>
  </si>
  <si>
    <t>ＰＯＯＬ　ｅｙｅｌａｓｈ</t>
    <phoneticPr fontId="1"/>
  </si>
  <si>
    <t>富山市秋吉１６３－１７</t>
    <rPh sb="0" eb="3">
      <t>トヤマシ</t>
    </rPh>
    <rPh sb="3" eb="5">
      <t>アキヨシ</t>
    </rPh>
    <phoneticPr fontId="1"/>
  </si>
  <si>
    <t>ｔｏｎａｒｉ</t>
    <phoneticPr fontId="1"/>
  </si>
  <si>
    <t>富山市黒瀬１１６－３</t>
    <rPh sb="0" eb="3">
      <t>トヤマシ</t>
    </rPh>
    <rPh sb="3" eb="5">
      <t>クロセ</t>
    </rPh>
    <phoneticPr fontId="1"/>
  </si>
  <si>
    <t>富山市西公文名町１２－２１</t>
    <rPh sb="0" eb="3">
      <t>トヤマシ</t>
    </rPh>
    <rPh sb="3" eb="4">
      <t>ニシ</t>
    </rPh>
    <rPh sb="4" eb="6">
      <t>クモン</t>
    </rPh>
    <rPh sb="6" eb="7">
      <t>ナ</t>
    </rPh>
    <rPh sb="7" eb="8">
      <t>マチ</t>
    </rPh>
    <phoneticPr fontId="1"/>
  </si>
  <si>
    <t>河田ビル１Ｆ　Ａ</t>
    <rPh sb="0" eb="2">
      <t>カワダ</t>
    </rPh>
    <phoneticPr fontId="1"/>
  </si>
  <si>
    <t>ウィステリア</t>
    <phoneticPr fontId="1"/>
  </si>
  <si>
    <t>富山市山室１３８－１</t>
    <rPh sb="0" eb="3">
      <t>トヤマシ</t>
    </rPh>
    <rPh sb="3" eb="5">
      <t>ヤマムロ</t>
    </rPh>
    <phoneticPr fontId="1"/>
  </si>
  <si>
    <t>ユー堀川ビル４－Ｂ</t>
    <rPh sb="2" eb="4">
      <t>ホリカワ</t>
    </rPh>
    <phoneticPr fontId="1"/>
  </si>
  <si>
    <t>ｃａｍｅｌ　ｅｙｅｒｏｏｍ</t>
    <phoneticPr fontId="1"/>
  </si>
  <si>
    <t>Ａｃｔｏｎ　Ｈａｉｒｄｒｅｓｓｅｒｓ</t>
    <phoneticPr fontId="1"/>
  </si>
  <si>
    <t>富山市南田町一丁目２－１６</t>
    <rPh sb="0" eb="3">
      <t>トヤマシ</t>
    </rPh>
    <rPh sb="3" eb="6">
      <t>ミナミダチョウ</t>
    </rPh>
    <rPh sb="6" eb="9">
      <t>イッチョウメ</t>
    </rPh>
    <phoneticPr fontId="1"/>
  </si>
  <si>
    <t>新潟市上越市国府四丁目７－１</t>
    <rPh sb="0" eb="3">
      <t>ニイガタシ</t>
    </rPh>
    <rPh sb="3" eb="6">
      <t>ジョウエツシ</t>
    </rPh>
    <rPh sb="6" eb="8">
      <t>コクフ</t>
    </rPh>
    <rPh sb="8" eb="11">
      <t>ヨンチョウメ</t>
    </rPh>
    <phoneticPr fontId="1"/>
  </si>
  <si>
    <t>サキュウ　ｃｏｌｏｒ　ｈａｉｒ　ｓａｌｏｎ</t>
    <phoneticPr fontId="1"/>
  </si>
  <si>
    <t>富山市根塚町一丁目１－７</t>
    <rPh sb="0" eb="3">
      <t>トヤマシ</t>
    </rPh>
    <rPh sb="3" eb="6">
      <t>ネヅカマチ</t>
    </rPh>
    <rPh sb="6" eb="9">
      <t>イッチョウメ</t>
    </rPh>
    <phoneticPr fontId="1"/>
  </si>
  <si>
    <t>富山市二口町二丁目５－９</t>
    <rPh sb="0" eb="3">
      <t>トヤマシ</t>
    </rPh>
    <rPh sb="6" eb="9">
      <t>ニチョウメ</t>
    </rPh>
    <phoneticPr fontId="1"/>
  </si>
  <si>
    <t>ｒｉｌａ</t>
    <phoneticPr fontId="1"/>
  </si>
  <si>
    <t>富山市布瀬本町２番２－１</t>
    <rPh sb="0" eb="3">
      <t>トヤマシ</t>
    </rPh>
    <rPh sb="3" eb="7">
      <t>ヌノセホンマチ</t>
    </rPh>
    <rPh sb="8" eb="9">
      <t>バン</t>
    </rPh>
    <phoneticPr fontId="1"/>
  </si>
  <si>
    <t>ＬＵＳＳＯ光陽１階Ｄ号室</t>
    <rPh sb="5" eb="7">
      <t>コウヨウ</t>
    </rPh>
    <rPh sb="8" eb="9">
      <t>カイ</t>
    </rPh>
    <rPh sb="10" eb="12">
      <t>ゴウシツ</t>
    </rPh>
    <phoneticPr fontId="1"/>
  </si>
  <si>
    <t>ＨＡＩＲ　ＳＡＬＯＮ　ＩＷＡＳＡＫＩ</t>
    <phoneticPr fontId="1"/>
  </si>
  <si>
    <t>神奈川県横浜市青葉区新石川三丁目１５番地１１</t>
    <rPh sb="10" eb="13">
      <t>シンイシカワ</t>
    </rPh>
    <rPh sb="13" eb="16">
      <t>サンチョウメ</t>
    </rPh>
    <rPh sb="18" eb="20">
      <t>バンチ</t>
    </rPh>
    <phoneticPr fontId="1"/>
  </si>
  <si>
    <t>富山市新川原町３－５</t>
    <rPh sb="0" eb="3">
      <t>トヤマシ</t>
    </rPh>
    <rPh sb="3" eb="7">
      <t>シンカワラマチ</t>
    </rPh>
    <phoneticPr fontId="1"/>
  </si>
  <si>
    <t>ｗａｃｃａ</t>
    <phoneticPr fontId="1"/>
  </si>
  <si>
    <t>富山市本郷町４４－１１</t>
    <rPh sb="0" eb="3">
      <t>トヤマシ</t>
    </rPh>
    <rPh sb="3" eb="5">
      <t>ホンゴウ</t>
    </rPh>
    <rPh sb="5" eb="6">
      <t>マチ</t>
    </rPh>
    <phoneticPr fontId="1"/>
  </si>
  <si>
    <t>Ｌｉｆｅ’ｓ　ｈａｉｒ</t>
    <phoneticPr fontId="1"/>
  </si>
  <si>
    <t>ＨＡＩＲ　ＭＡＫＥ　ｐｓｙｃｈｅ</t>
    <phoneticPr fontId="1"/>
  </si>
  <si>
    <t>富山市安野屋町一丁目５－１２</t>
    <rPh sb="0" eb="3">
      <t>トヤマシ</t>
    </rPh>
    <rPh sb="3" eb="6">
      <t>ヤスノヤ</t>
    </rPh>
    <rPh sb="6" eb="7">
      <t>マチ</t>
    </rPh>
    <rPh sb="7" eb="10">
      <t>イッチョウメ</t>
    </rPh>
    <phoneticPr fontId="1"/>
  </si>
  <si>
    <t>モミ美容室</t>
    <phoneticPr fontId="1"/>
  </si>
  <si>
    <t>富山市上冨居二丁目２６―２７</t>
    <rPh sb="0" eb="3">
      <t>トヤマシ</t>
    </rPh>
    <rPh sb="3" eb="6">
      <t>カミフゴ</t>
    </rPh>
    <rPh sb="6" eb="9">
      <t>ニチョウメ</t>
    </rPh>
    <phoneticPr fontId="1"/>
  </si>
  <si>
    <t>舎上冨居１Ｄ</t>
    <rPh sb="0" eb="1">
      <t>シャ</t>
    </rPh>
    <rPh sb="1" eb="4">
      <t>カミフゴ</t>
    </rPh>
    <phoneticPr fontId="1"/>
  </si>
  <si>
    <t>ａｔ　ｏｌｉ　ＥＹＥＣＡＲＥ</t>
    <phoneticPr fontId="1"/>
  </si>
  <si>
    <t>ｅｙｅｄｅａｌ　ｂｅａｕｔｙ　ｌａｂｏｒａｔｏｒｙ</t>
    <phoneticPr fontId="1"/>
  </si>
  <si>
    <t>富山市二口町四丁目２－３</t>
    <rPh sb="0" eb="3">
      <t>トヤマシ</t>
    </rPh>
    <rPh sb="3" eb="6">
      <t>フタクチマチ</t>
    </rPh>
    <rPh sb="6" eb="9">
      <t>ヨンチョウメ</t>
    </rPh>
    <phoneticPr fontId="1"/>
  </si>
  <si>
    <t>富山市二口町五丁目８－１２</t>
    <rPh sb="0" eb="3">
      <t>トヤマシ</t>
    </rPh>
    <rPh sb="3" eb="6">
      <t>フタクチマチ</t>
    </rPh>
    <rPh sb="6" eb="9">
      <t>ゴチョウメ</t>
    </rPh>
    <phoneticPr fontId="1"/>
  </si>
  <si>
    <t>Ｍｉａ（ミーア）</t>
    <phoneticPr fontId="1"/>
  </si>
  <si>
    <t>Ａｍｕ　Ｈａｉｒ</t>
    <phoneticPr fontId="1"/>
  </si>
  <si>
    <t>富山市西長江一丁目１２－１８</t>
    <rPh sb="0" eb="3">
      <t>トヤマシ</t>
    </rPh>
    <rPh sb="3" eb="4">
      <t>ニシ</t>
    </rPh>
    <rPh sb="4" eb="6">
      <t>ナガエ</t>
    </rPh>
    <rPh sb="6" eb="9">
      <t>イッチョウメ</t>
    </rPh>
    <phoneticPr fontId="1"/>
  </si>
  <si>
    <t>ｍｕｎａ．</t>
    <phoneticPr fontId="1"/>
  </si>
  <si>
    <t>富山市婦中町速星９５８－１</t>
    <rPh sb="0" eb="3">
      <t>トヤマシ</t>
    </rPh>
    <rPh sb="3" eb="6">
      <t>フチュウマチ</t>
    </rPh>
    <rPh sb="6" eb="8">
      <t>ハヤホシ</t>
    </rPh>
    <phoneticPr fontId="1"/>
  </si>
  <si>
    <t>アスリート速星１０２号</t>
    <rPh sb="5" eb="7">
      <t>ハヤホシ</t>
    </rPh>
    <rPh sb="10" eb="11">
      <t>ゴウ</t>
    </rPh>
    <phoneticPr fontId="1"/>
  </si>
  <si>
    <t>ＨＡＩＲ　ＳＡＬＯＮ　ＩＷＡＳＡＫＩ　富山上飯野店</t>
    <rPh sb="19" eb="21">
      <t>トヤマ</t>
    </rPh>
    <rPh sb="21" eb="24">
      <t>カミイイノ</t>
    </rPh>
    <rPh sb="24" eb="25">
      <t>テン</t>
    </rPh>
    <phoneticPr fontId="1"/>
  </si>
  <si>
    <t>富山市上飯野４１－５</t>
    <rPh sb="0" eb="3">
      <t>トヤマシ</t>
    </rPh>
    <rPh sb="3" eb="6">
      <t>カミイイノ</t>
    </rPh>
    <phoneticPr fontId="1"/>
  </si>
  <si>
    <t>マックスバリュ上飯野店</t>
    <rPh sb="7" eb="10">
      <t>カミイイノ</t>
    </rPh>
    <rPh sb="10" eb="11">
      <t>テン</t>
    </rPh>
    <phoneticPr fontId="1"/>
  </si>
  <si>
    <t>神奈川県横浜市青葉区新石川３－１５－１１</t>
    <rPh sb="0" eb="4">
      <t>カナガワケン</t>
    </rPh>
    <rPh sb="4" eb="7">
      <t>ヨコハマシ</t>
    </rPh>
    <rPh sb="7" eb="10">
      <t>アオバク</t>
    </rPh>
    <rPh sb="10" eb="11">
      <t>シン</t>
    </rPh>
    <rPh sb="11" eb="13">
      <t>イシカワ</t>
    </rPh>
    <phoneticPr fontId="1"/>
  </si>
  <si>
    <t>ｈａｉｒ　ｓａｌｏｎ　ｔｅｒｒａｃｅ</t>
    <phoneticPr fontId="1"/>
  </si>
  <si>
    <t>富山市西中野町一丁目１－１</t>
    <rPh sb="0" eb="3">
      <t>トヤマシ</t>
    </rPh>
    <rPh sb="3" eb="7">
      <t>ニシナカノマチ</t>
    </rPh>
    <rPh sb="7" eb="10">
      <t>イッチョウメ</t>
    </rPh>
    <phoneticPr fontId="1"/>
  </si>
  <si>
    <t>ウェスティンビル２Ｆ</t>
    <phoneticPr fontId="1"/>
  </si>
  <si>
    <t>ｈａｉｒ　ｓａｌｏｎ　ＷＡＫＫＡ</t>
    <phoneticPr fontId="1"/>
  </si>
  <si>
    <t>富山市中島三丁目７－１４</t>
    <rPh sb="0" eb="3">
      <t>トヤマシ</t>
    </rPh>
    <rPh sb="3" eb="5">
      <t>ナカジマ</t>
    </rPh>
    <rPh sb="5" eb="8">
      <t>サンチョウメ</t>
    </rPh>
    <phoneticPr fontId="1"/>
  </si>
  <si>
    <t>高岡市横田町一丁目１－１１</t>
    <rPh sb="0" eb="3">
      <t>タカオカシ</t>
    </rPh>
    <rPh sb="3" eb="6">
      <t>ヨコタマチ</t>
    </rPh>
    <rPh sb="6" eb="9">
      <t>イッチョウメ</t>
    </rPh>
    <phoneticPr fontId="1"/>
  </si>
  <si>
    <t>ドレスショップ　コアラ</t>
    <phoneticPr fontId="1"/>
  </si>
  <si>
    <t>富山市大泉町二丁目４－１６</t>
    <rPh sb="0" eb="3">
      <t>トヤマシ</t>
    </rPh>
    <rPh sb="3" eb="5">
      <t>オオイズミ</t>
    </rPh>
    <rPh sb="6" eb="9">
      <t>ニチョウメ</t>
    </rPh>
    <phoneticPr fontId="1"/>
  </si>
  <si>
    <t>浜忠ビル１階</t>
    <rPh sb="0" eb="1">
      <t>ハマ</t>
    </rPh>
    <rPh sb="1" eb="2">
      <t>タダシ</t>
    </rPh>
    <rPh sb="5" eb="6">
      <t>カイ</t>
    </rPh>
    <phoneticPr fontId="1"/>
  </si>
  <si>
    <t>富山市荒川三丁目１７３番地４</t>
    <rPh sb="0" eb="3">
      <t>トヤマシ</t>
    </rPh>
    <rPh sb="3" eb="5">
      <t>アラカワ</t>
    </rPh>
    <rPh sb="5" eb="8">
      <t>サンチョウメ</t>
    </rPh>
    <rPh sb="11" eb="13">
      <t>バンチ</t>
    </rPh>
    <phoneticPr fontId="1"/>
  </si>
  <si>
    <t xml:space="preserve">ｅｙｅｌａｓｈ　ｓａｌｏｎ　Ｌａ　Ｃｅｒｉｓｅ．． </t>
    <phoneticPr fontId="1"/>
  </si>
  <si>
    <t>富山市中川原２６－１</t>
    <rPh sb="0" eb="3">
      <t>トヤマシ</t>
    </rPh>
    <rPh sb="3" eb="6">
      <t>ナカガワラ</t>
    </rPh>
    <phoneticPr fontId="1"/>
  </si>
  <si>
    <t>１０４号室</t>
    <rPh sb="3" eb="5">
      <t>ゴウシツ</t>
    </rPh>
    <phoneticPr fontId="1"/>
  </si>
  <si>
    <t>ｉｒｏ．</t>
    <phoneticPr fontId="1"/>
  </si>
  <si>
    <t>富山市高屋敷８３３－１</t>
    <rPh sb="0" eb="3">
      <t>トヤマシ</t>
    </rPh>
    <rPh sb="3" eb="6">
      <t>タカヤシキ</t>
    </rPh>
    <phoneticPr fontId="1"/>
  </si>
  <si>
    <t>タカサンビル１Ｆ</t>
    <phoneticPr fontId="1"/>
  </si>
  <si>
    <t>ｍａｒｏｏｍ　ｈａｉｒ</t>
    <phoneticPr fontId="1"/>
  </si>
  <si>
    <t>富山市上飯野新町三丁目２３</t>
    <rPh sb="0" eb="3">
      <t>トヤマシ</t>
    </rPh>
    <rPh sb="3" eb="8">
      <t>カミイイノシンマチ</t>
    </rPh>
    <rPh sb="8" eb="11">
      <t>サンチョウメ</t>
    </rPh>
    <phoneticPr fontId="1"/>
  </si>
  <si>
    <t>富山市太郎丸本町三丁目６－１７</t>
    <rPh sb="0" eb="3">
      <t>トヤマシ</t>
    </rPh>
    <rPh sb="3" eb="6">
      <t>タロウマル</t>
    </rPh>
    <rPh sb="6" eb="8">
      <t>ホンマチ</t>
    </rPh>
    <rPh sb="8" eb="11">
      <t>サンチョウメ</t>
    </rPh>
    <phoneticPr fontId="1"/>
  </si>
  <si>
    <t>ＣＡＲＡＭＯ</t>
    <phoneticPr fontId="1"/>
  </si>
  <si>
    <t>ｙｕｋｉｈｉ　ｈａｉｒ</t>
    <phoneticPr fontId="1"/>
  </si>
  <si>
    <t>富山市清水町三丁目６－２</t>
    <rPh sb="0" eb="3">
      <t>トヤマシ</t>
    </rPh>
    <rPh sb="3" eb="6">
      <t>シミズマチ</t>
    </rPh>
    <rPh sb="6" eb="9">
      <t>サンチョウメ</t>
    </rPh>
    <phoneticPr fontId="1"/>
  </si>
  <si>
    <t>富山市中老田８３５－１</t>
    <rPh sb="0" eb="3">
      <t>トヤマシ</t>
    </rPh>
    <rPh sb="3" eb="6">
      <t>ナカオイダ</t>
    </rPh>
    <phoneticPr fontId="1"/>
  </si>
  <si>
    <t>ｃόｔｔｏｎ(検索用:cotton)</t>
    <phoneticPr fontId="1"/>
  </si>
  <si>
    <t>有限会社　神戸美容室</t>
  </si>
  <si>
    <t>有限会社　女川美容院</t>
  </si>
  <si>
    <t>有限会社　ジュネス・ジョニー</t>
  </si>
  <si>
    <t>有限会社　ビューティスポットやなぎだ　</t>
  </si>
  <si>
    <t>有限会社　ミナモト</t>
  </si>
  <si>
    <t>有限会社　田中美容院</t>
  </si>
  <si>
    <t>有限会社　　美容室アオキ　</t>
  </si>
  <si>
    <t>有限会社　　いづみ美容室</t>
  </si>
  <si>
    <t>有限会社　ソーウビューティプランニング</t>
  </si>
  <si>
    <t>有限会社　ビューバス</t>
  </si>
  <si>
    <t>有限会社　オアシス</t>
  </si>
  <si>
    <t>有限会社　美容室せきぐち　</t>
  </si>
  <si>
    <t>有限会社　ヘアーブレス</t>
  </si>
  <si>
    <t>有限会社　　ヘアーラヴァブルポテト</t>
  </si>
  <si>
    <t>有限会社　　サニー美容室</t>
  </si>
  <si>
    <t>有限会社　　サンシャイン　ネクスト</t>
  </si>
  <si>
    <t>有限会社　ポコアポコ　</t>
  </si>
  <si>
    <t>有限会社　　プールス</t>
  </si>
  <si>
    <t>有限会社　　エム・アンド・ピース</t>
  </si>
  <si>
    <t>有限会社　　ヴィルアップ</t>
  </si>
  <si>
    <t>有限会社　　フレンズ</t>
  </si>
  <si>
    <t>有限会社　　サクセス　</t>
  </si>
  <si>
    <t>有限会社　　スカイしゃらく　</t>
  </si>
  <si>
    <t>有限会社　　マザーシップ</t>
  </si>
  <si>
    <t>有限会社　エムアンドピース</t>
  </si>
  <si>
    <t>有限会社　　サクセス</t>
  </si>
  <si>
    <t>有限会社　リド</t>
  </si>
  <si>
    <t>有限会社　　ブランシェ</t>
  </si>
  <si>
    <t>有限会社　　ア・ラ・モード</t>
  </si>
  <si>
    <t>有限会社　　パッション</t>
  </si>
  <si>
    <t>有限会社　　ブリーズ髪風</t>
  </si>
  <si>
    <t>有限会社　　ふれあいのひろば</t>
  </si>
  <si>
    <t>経理システム　有限会社　</t>
  </si>
  <si>
    <t>フェイスフルサキ　有限会社　</t>
    <phoneticPr fontId="1"/>
  </si>
  <si>
    <t>クレア有限会社　</t>
    <phoneticPr fontId="1"/>
  </si>
  <si>
    <t>有限会社　　サニー美容室</t>
    <rPh sb="9" eb="12">
      <t>ビヨウシツ</t>
    </rPh>
    <phoneticPr fontId="1"/>
  </si>
  <si>
    <t>有限会社　　テン・ナイン</t>
    <phoneticPr fontId="1"/>
  </si>
  <si>
    <t>有限会社　　キドニィ</t>
    <phoneticPr fontId="1"/>
  </si>
  <si>
    <t>株式会社　はまざき　</t>
  </si>
  <si>
    <t>株式会社　アトリエ・いざわ　</t>
  </si>
  <si>
    <t>株式会社　　はまざき</t>
  </si>
  <si>
    <t>株式会社　ベルコ</t>
  </si>
  <si>
    <t>株式会社　アトリエいざわ</t>
  </si>
  <si>
    <t>株式会社　　和楽美容室</t>
  </si>
  <si>
    <t>株式会社　　アポロ</t>
  </si>
  <si>
    <t>株式会社　　シュプレム　</t>
  </si>
  <si>
    <t>株式会社　　マックスコムズウエスト</t>
  </si>
  <si>
    <t>株式会社　　アポロ　</t>
  </si>
  <si>
    <t>株式会社　ＺＩＰＰＹ</t>
  </si>
  <si>
    <t>株式会社　アトリエＮｏｅｌ</t>
  </si>
  <si>
    <t>ＲＡＺＺＯ株式会社　</t>
  </si>
  <si>
    <t>株式会社　ＯＢＳ</t>
  </si>
  <si>
    <t>株式会社　　みょんみょん</t>
  </si>
  <si>
    <t>株式会社　Ｕｎ</t>
  </si>
  <si>
    <t>株式会社　ＤＥＣＴ</t>
  </si>
  <si>
    <t>阪南理美容株式会社　　</t>
  </si>
  <si>
    <t>株式会社　　ハイアット</t>
  </si>
  <si>
    <t>株式会社　　Ｓ＆Ｓ</t>
  </si>
  <si>
    <t>Ｋｉｒａｒｉ　株式会社　</t>
  </si>
  <si>
    <t>カラーズジャパン　株式会社　</t>
  </si>
  <si>
    <t>リアン自共立美容室　株式会社　</t>
  </si>
  <si>
    <t>株式会社　　アートネイチャー</t>
  </si>
  <si>
    <t>株式会社　　ハクブン</t>
  </si>
  <si>
    <t>株式会社　　オリフボン</t>
  </si>
  <si>
    <t>株式会社　　Ｂｌａｎｃ</t>
  </si>
  <si>
    <t>株式会社　　ＥＳＴ</t>
  </si>
  <si>
    <t>株式会社　　４ｔｒｅｓｓ</t>
  </si>
  <si>
    <t>株式会社　　きくら美粧室</t>
  </si>
  <si>
    <t>株式会社　　ガッツ・ヒーロー</t>
  </si>
  <si>
    <t>株式会社　　ＩＣＬ</t>
  </si>
  <si>
    <t>株式会社　　メアリスト</t>
  </si>
  <si>
    <t>株式会社　　フロール・ライフクリエート</t>
  </si>
  <si>
    <t>株式会社　　エスワイティー</t>
  </si>
  <si>
    <t>株式会社　　ＵＮＡＲＴＹ</t>
  </si>
  <si>
    <t>株式会社　　ｃｏｅｕｒ</t>
  </si>
  <si>
    <t>ロルドコミュニケーションズ　株式会社　</t>
  </si>
  <si>
    <t>株式会社　　ｄｅｆｉ</t>
  </si>
  <si>
    <t>株式会社　　ＫＴＫ</t>
  </si>
  <si>
    <t>株式会社　　ダリアルイジュ</t>
  </si>
  <si>
    <t>株式会社　　ＴＹＲＡＮＮ</t>
  </si>
  <si>
    <t>株式会社　　バンディヴォーグ</t>
  </si>
  <si>
    <t>株式会社　　Ｐｕｚｚｌｅ</t>
  </si>
  <si>
    <t>株式会社　　ＭＡＱＵＩＡ</t>
  </si>
  <si>
    <t>阪南理美容　株式会社　　</t>
  </si>
  <si>
    <t>株式会社　　Ｌｕｄｗｉｇ</t>
  </si>
  <si>
    <t>株式会社　　Ａ’Ｇｒｏｕｐ</t>
  </si>
  <si>
    <t>株式会社　　ＣＯＬＯＲＳ</t>
  </si>
  <si>
    <t>株式会社　　ワイズコーポレーション</t>
  </si>
  <si>
    <t>株式会社　　ＷＥＢＳＴＹＬＥ</t>
  </si>
  <si>
    <t>株式会社　　Ｅｉｇｈｔ</t>
    <phoneticPr fontId="1"/>
  </si>
  <si>
    <t>株式会社　　ル・アンジェ</t>
    <phoneticPr fontId="1"/>
  </si>
  <si>
    <t>株式会社　　Ｐｕｚｚｌｅ</t>
    <phoneticPr fontId="1"/>
  </si>
  <si>
    <t>株式会社　　ハイブリッド</t>
    <phoneticPr fontId="1"/>
  </si>
  <si>
    <t>株式会社　　Ａｒｒｏｗ’ｓ</t>
    <phoneticPr fontId="1"/>
  </si>
  <si>
    <t>株式会社　　ｍｏｎｉｃａ</t>
  </si>
  <si>
    <t>株式会社　　ＩＣＬ</t>
    <phoneticPr fontId="1"/>
  </si>
  <si>
    <t>Ｎ＆Ｋ　株式会社　</t>
    <phoneticPr fontId="1"/>
  </si>
  <si>
    <t>株式会社　　ＤＥＣＴ</t>
    <phoneticPr fontId="1"/>
  </si>
  <si>
    <t>ゼファー　株式会社　</t>
    <phoneticPr fontId="1"/>
  </si>
  <si>
    <t>株式会社　　Ｂ.Ａ.Ｌ</t>
    <phoneticPr fontId="1"/>
  </si>
  <si>
    <t>株式会社　　アデランス</t>
    <phoneticPr fontId="1"/>
  </si>
  <si>
    <t>株式会社　　Ｒｅｃｔｏｒ</t>
    <phoneticPr fontId="1"/>
  </si>
  <si>
    <t>株式会社　　ナガヤマ</t>
    <phoneticPr fontId="1"/>
  </si>
  <si>
    <t>株式会社　　ｏｎｅ　ｂｙ　ｏｎｅ</t>
    <phoneticPr fontId="1"/>
  </si>
  <si>
    <t>アンドライフ　株式会社　</t>
    <phoneticPr fontId="1"/>
  </si>
  <si>
    <t>株式会社　　ａｎｄ　ＵＳ</t>
    <phoneticPr fontId="1"/>
  </si>
  <si>
    <t>株式会社　　ハクブン</t>
    <phoneticPr fontId="1"/>
  </si>
  <si>
    <t>株式会社　　ＬＬＣｔｏｙ</t>
    <phoneticPr fontId="1"/>
  </si>
  <si>
    <t>ｈａｉｒｄｏ－ＮＩＣＯＬＩ</t>
    <phoneticPr fontId="1"/>
  </si>
  <si>
    <t>寺垣ビル１階</t>
    <rPh sb="0" eb="2">
      <t>テラガキ</t>
    </rPh>
    <rPh sb="5" eb="6">
      <t>カイ</t>
    </rPh>
    <phoneticPr fontId="1"/>
  </si>
  <si>
    <t>富山市今泉北部町１－１</t>
    <rPh sb="0" eb="3">
      <t>トヤマシ</t>
    </rPh>
    <rPh sb="3" eb="5">
      <t>イマイズミ</t>
    </rPh>
    <rPh sb="5" eb="7">
      <t>ホクブ</t>
    </rPh>
    <rPh sb="7" eb="8">
      <t>マチ</t>
    </rPh>
    <phoneticPr fontId="1"/>
  </si>
  <si>
    <t>ＫＡＮＧＯＬＳＡＬＯＮ　ＴＯＹＡＭＡＣＥＮＴＲＡＬ</t>
    <phoneticPr fontId="1"/>
  </si>
  <si>
    <t>マルソメ本郷店</t>
    <rPh sb="4" eb="6">
      <t>ホンゴウ</t>
    </rPh>
    <rPh sb="6" eb="7">
      <t>テン</t>
    </rPh>
    <phoneticPr fontId="1"/>
  </si>
  <si>
    <t>きいろとみどり　黒瀬店</t>
    <phoneticPr fontId="1"/>
  </si>
  <si>
    <t>きいろとみどり　大泉店</t>
    <rPh sb="8" eb="10">
      <t>オオイズミ</t>
    </rPh>
    <phoneticPr fontId="1"/>
  </si>
  <si>
    <t>美容室ブラッサム</t>
    <rPh sb="0" eb="3">
      <t>ビヨウシツ</t>
    </rPh>
    <phoneticPr fontId="1"/>
  </si>
  <si>
    <t>富山市西中野本町５－１８</t>
    <rPh sb="0" eb="3">
      <t>トヤマシ</t>
    </rPh>
    <rPh sb="3" eb="4">
      <t>ニシ</t>
    </rPh>
    <rPh sb="4" eb="6">
      <t>ナカノ</t>
    </rPh>
    <rPh sb="6" eb="8">
      <t>ホンマチ</t>
    </rPh>
    <phoneticPr fontId="1"/>
  </si>
  <si>
    <t>藤村ビル１Ｆ</t>
    <rPh sb="0" eb="2">
      <t>フジムラ</t>
    </rPh>
    <phoneticPr fontId="1"/>
  </si>
  <si>
    <t>美容室みずかみ</t>
    <phoneticPr fontId="1"/>
  </si>
  <si>
    <t>オーガニックハーブカラー専門店　Ｃｕｕｇｉｉ　ｃｏｌｏｒ</t>
    <rPh sb="12" eb="15">
      <t>センモンテン</t>
    </rPh>
    <phoneticPr fontId="1"/>
  </si>
  <si>
    <t>富山市花園町３－７－１７</t>
    <rPh sb="0" eb="3">
      <t>トヤマシ</t>
    </rPh>
    <rPh sb="3" eb="6">
      <t>ハナゾノチョウ</t>
    </rPh>
    <phoneticPr fontId="1"/>
  </si>
  <si>
    <t>富山市今泉３２６</t>
    <rPh sb="0" eb="3">
      <t>トヤマシ</t>
    </rPh>
    <rPh sb="3" eb="5">
      <t>イマイズミ</t>
    </rPh>
    <phoneticPr fontId="1"/>
  </si>
  <si>
    <t>ｎｉｕｄ</t>
    <phoneticPr fontId="1"/>
  </si>
  <si>
    <t>富山市石金二丁目１－８</t>
    <rPh sb="5" eb="8">
      <t>ニチョウメ</t>
    </rPh>
    <phoneticPr fontId="1"/>
  </si>
  <si>
    <t>富山市中老田３０３番地１</t>
    <rPh sb="0" eb="3">
      <t>トヤマシ</t>
    </rPh>
    <rPh sb="3" eb="6">
      <t>ナカオイダ</t>
    </rPh>
    <rPh sb="9" eb="11">
      <t>バンチ</t>
    </rPh>
    <phoneticPr fontId="1"/>
  </si>
  <si>
    <t>Ｃ'ｅｓｔ　ｃｈｏｕｅｔｔｅ（セ・シュエット）</t>
    <phoneticPr fontId="1"/>
  </si>
  <si>
    <t>ユニバーサル　株式会社</t>
    <rPh sb="7" eb="11">
      <t>カブシキガイシャ</t>
    </rPh>
    <phoneticPr fontId="1"/>
  </si>
  <si>
    <t>富山市鍋田８７－１</t>
    <rPh sb="0" eb="3">
      <t>トヤマシ</t>
    </rPh>
    <rPh sb="3" eb="5">
      <t>ナベタ</t>
    </rPh>
    <phoneticPr fontId="1"/>
  </si>
  <si>
    <t>高岡市野村１５４８－１</t>
    <rPh sb="0" eb="3">
      <t>タカオカシ</t>
    </rPh>
    <rPh sb="3" eb="5">
      <t>ノムラ</t>
    </rPh>
    <phoneticPr fontId="1"/>
  </si>
  <si>
    <t>ＵＲＵＲｚ Ｅｓｔｈｅ ＆ Ｈｅａｄ  Ｓｐａ Ｓａｌｏｎ</t>
    <phoneticPr fontId="1"/>
  </si>
  <si>
    <t>富山市呉羽東町７２７５－２１</t>
    <rPh sb="0" eb="3">
      <t>トヤマシ</t>
    </rPh>
    <rPh sb="3" eb="5">
      <t>クレハ</t>
    </rPh>
    <rPh sb="5" eb="6">
      <t>ヒガシ</t>
    </rPh>
    <rPh sb="6" eb="7">
      <t>マチ</t>
    </rPh>
    <phoneticPr fontId="1"/>
  </si>
  <si>
    <t>ＳＯＵＣＯ</t>
    <phoneticPr fontId="1"/>
  </si>
  <si>
    <t>富山市大町２０６</t>
    <rPh sb="0" eb="3">
      <t>トヤマシ</t>
    </rPh>
    <rPh sb="3" eb="5">
      <t>オオマチ</t>
    </rPh>
    <phoneticPr fontId="1"/>
  </si>
  <si>
    <t>村井ビル１階</t>
    <rPh sb="0" eb="2">
      <t>ムライ</t>
    </rPh>
    <rPh sb="5" eb="6">
      <t>カイ</t>
    </rPh>
    <phoneticPr fontId="1"/>
  </si>
  <si>
    <t>Ｋｉｎａｒｉ（キナリ）</t>
    <phoneticPr fontId="1"/>
  </si>
  <si>
    <t>富山市鹿島町一丁目１－１５</t>
    <rPh sb="0" eb="3">
      <t>トヤマシ</t>
    </rPh>
    <rPh sb="3" eb="6">
      <t>カシマチョウ</t>
    </rPh>
    <rPh sb="6" eb="9">
      <t>イッチョウメ</t>
    </rPh>
    <phoneticPr fontId="1"/>
  </si>
  <si>
    <t>冨田　健太</t>
    <rPh sb="0" eb="2">
      <t>トミタ</t>
    </rPh>
    <rPh sb="3" eb="5">
      <t>ケンタ</t>
    </rPh>
    <phoneticPr fontId="1"/>
  </si>
  <si>
    <t>富山市古沢７３５－１</t>
    <rPh sb="0" eb="3">
      <t>トヤマシ</t>
    </rPh>
    <rPh sb="3" eb="5">
      <t>フルサワ</t>
    </rPh>
    <phoneticPr fontId="1"/>
  </si>
  <si>
    <t>有限会社　なごみ薬局</t>
    <rPh sb="0" eb="4">
      <t>ユウゲンガイシャ</t>
    </rPh>
    <rPh sb="8" eb="10">
      <t>ヤッキョク</t>
    </rPh>
    <phoneticPr fontId="1"/>
  </si>
  <si>
    <t>高岡市蓮花寺５６１－２</t>
    <rPh sb="0" eb="3">
      <t>タカオカシ</t>
    </rPh>
    <rPh sb="3" eb="4">
      <t>ハス</t>
    </rPh>
    <rPh sb="4" eb="5">
      <t>ハナ</t>
    </rPh>
    <rPh sb="5" eb="6">
      <t>テラ</t>
    </rPh>
    <phoneticPr fontId="1"/>
  </si>
  <si>
    <t>ｐｅｔｉｔ　ｅｙｅｌａｓｈ</t>
    <phoneticPr fontId="1"/>
  </si>
  <si>
    <t>アイラッシュサロンＤＩＶＡ秋吉店</t>
    <rPh sb="13" eb="15">
      <t>アキヨシ</t>
    </rPh>
    <rPh sb="15" eb="16">
      <t>テン</t>
    </rPh>
    <phoneticPr fontId="1"/>
  </si>
  <si>
    <t>富山市秋吉３１－６</t>
    <rPh sb="0" eb="3">
      <t>トヤマシ</t>
    </rPh>
    <rPh sb="3" eb="5">
      <t>アキヨシ</t>
    </rPh>
    <phoneticPr fontId="1"/>
  </si>
  <si>
    <t>株式会社　ＤＩＶＡ</t>
    <rPh sb="0" eb="4">
      <t>カブシキガイシャ</t>
    </rPh>
    <phoneticPr fontId="1"/>
  </si>
  <si>
    <t>富山市二口町四丁目９－４</t>
    <rPh sb="0" eb="3">
      <t>トヤマシ</t>
    </rPh>
    <rPh sb="5" eb="6">
      <t>マチ</t>
    </rPh>
    <rPh sb="6" eb="9">
      <t>ヨンチョウメ</t>
    </rPh>
    <phoneticPr fontId="1"/>
  </si>
  <si>
    <t>Ｌｕｔｚ</t>
    <phoneticPr fontId="1"/>
  </si>
  <si>
    <t>富山市花園町三丁目４－１９</t>
    <rPh sb="0" eb="3">
      <t>トヤマシ</t>
    </rPh>
    <rPh sb="3" eb="6">
      <t>ハナゾノチョウ</t>
    </rPh>
    <rPh sb="6" eb="9">
      <t>サンチョウメ</t>
    </rPh>
    <phoneticPr fontId="1"/>
  </si>
  <si>
    <t>ＡＫビル１Ｆ</t>
    <phoneticPr fontId="1"/>
  </si>
  <si>
    <t>株式会社　Ｌｕｄｗｉｇ</t>
    <rPh sb="0" eb="4">
      <t>カブシキガイシャ</t>
    </rPh>
    <phoneticPr fontId="1"/>
  </si>
  <si>
    <t>富山市二口町四丁目９－１０</t>
    <rPh sb="0" eb="3">
      <t>トヤマシ</t>
    </rPh>
    <rPh sb="6" eb="9">
      <t>ヨンチョウメ</t>
    </rPh>
    <phoneticPr fontId="1"/>
  </si>
  <si>
    <t>ｅｙｅｌａｓｈ＋ｓｐａ　ｙｏｕ</t>
    <phoneticPr fontId="1"/>
  </si>
  <si>
    <t>富山市堀川町５８０－２１</t>
    <rPh sb="0" eb="3">
      <t>トヤマシ</t>
    </rPh>
    <rPh sb="3" eb="6">
      <t>ホリカワマチ</t>
    </rPh>
    <phoneticPr fontId="1"/>
  </si>
  <si>
    <t>ＳＥＭＩＬＩＢＥＲ</t>
    <phoneticPr fontId="1"/>
  </si>
  <si>
    <t>富山市千石町三丁目８－６</t>
    <rPh sb="0" eb="3">
      <t>トヤマシ</t>
    </rPh>
    <rPh sb="3" eb="6">
      <t>センゴクマチ</t>
    </rPh>
    <rPh sb="6" eb="9">
      <t>サンチョウメ</t>
    </rPh>
    <phoneticPr fontId="1"/>
  </si>
  <si>
    <t>美容室　みょんみょん　藤木店</t>
    <rPh sb="0" eb="3">
      <t>ビヨウシツ</t>
    </rPh>
    <phoneticPr fontId="1"/>
  </si>
  <si>
    <t>ｌｉｍｉ</t>
    <phoneticPr fontId="1"/>
  </si>
  <si>
    <t>富山市大手町４－２０</t>
    <rPh sb="0" eb="3">
      <t>トヤマシ</t>
    </rPh>
    <rPh sb="3" eb="6">
      <t>オオテマチ</t>
    </rPh>
    <phoneticPr fontId="1"/>
  </si>
  <si>
    <t>カーサ大手町１Ｆ</t>
    <rPh sb="3" eb="6">
      <t>オオテマチ</t>
    </rPh>
    <phoneticPr fontId="1"/>
  </si>
  <si>
    <t>Ｃｈｉｏ</t>
    <phoneticPr fontId="1"/>
  </si>
  <si>
    <t>富山市萩原２３７－１</t>
    <rPh sb="0" eb="3">
      <t>トヤマシ</t>
    </rPh>
    <rPh sb="3" eb="5">
      <t>ハギハラ</t>
    </rPh>
    <phoneticPr fontId="1"/>
  </si>
  <si>
    <t>ヴィラ・アンテノール１０１</t>
    <phoneticPr fontId="1"/>
  </si>
  <si>
    <t>ｏｄａｎｇｏ　ｈａｉｒ</t>
    <phoneticPr fontId="1"/>
  </si>
  <si>
    <t>富山市東町二丁目４－５</t>
    <rPh sb="0" eb="3">
      <t>トヤマシ</t>
    </rPh>
    <rPh sb="3" eb="4">
      <t>ヒガシ</t>
    </rPh>
    <rPh sb="4" eb="5">
      <t>マチ</t>
    </rPh>
    <rPh sb="5" eb="8">
      <t>ニチョウメ</t>
    </rPh>
    <phoneticPr fontId="1"/>
  </si>
  <si>
    <t>福一ビル１０２号室</t>
    <rPh sb="0" eb="2">
      <t>フクイチ</t>
    </rPh>
    <rPh sb="7" eb="9">
      <t>ゴウシツ</t>
    </rPh>
    <phoneticPr fontId="1"/>
  </si>
  <si>
    <t>ビューティースペース　アンビシャス</t>
    <phoneticPr fontId="1"/>
  </si>
  <si>
    <t>富山市二口町二丁目４－９</t>
    <rPh sb="0" eb="3">
      <t>トヤマシ</t>
    </rPh>
    <rPh sb="3" eb="6">
      <t>フタクチマチ</t>
    </rPh>
    <rPh sb="6" eb="9">
      <t>ニチョウメ</t>
    </rPh>
    <phoneticPr fontId="1"/>
  </si>
  <si>
    <t>SÖPÖ（ソポ）</t>
    <phoneticPr fontId="1"/>
  </si>
  <si>
    <t>富山市東田地方一丁目３－１９</t>
    <rPh sb="0" eb="3">
      <t>トヤマシ</t>
    </rPh>
    <rPh sb="3" eb="4">
      <t>ヒガシ</t>
    </rPh>
    <rPh sb="4" eb="6">
      <t>デンジ</t>
    </rPh>
    <rPh sb="6" eb="7">
      <t>カタ</t>
    </rPh>
    <rPh sb="7" eb="10">
      <t>イッチョウメ</t>
    </rPh>
    <phoneticPr fontId="1"/>
  </si>
  <si>
    <t>ｌｕｍｉｅｒｅ　ｍｉｇｎｏｎ</t>
    <phoneticPr fontId="1"/>
  </si>
  <si>
    <t>富山市婦中町速星５５８－５</t>
    <rPh sb="0" eb="3">
      <t>トヤマシ</t>
    </rPh>
    <rPh sb="3" eb="6">
      <t>フチュウマチ</t>
    </rPh>
    <rPh sb="6" eb="8">
      <t>ハヤホシ</t>
    </rPh>
    <phoneticPr fontId="1"/>
  </si>
  <si>
    <t>パーソナルアイサロンＮａｋｉ　富山店</t>
    <rPh sb="15" eb="18">
      <t>トヤマテン</t>
    </rPh>
    <phoneticPr fontId="1"/>
  </si>
  <si>
    <t>富山市黒瀬北町一丁目１０－８</t>
    <rPh sb="0" eb="3">
      <t>トヤマシ</t>
    </rPh>
    <rPh sb="3" eb="7">
      <t>クロセキタマチ</t>
    </rPh>
    <rPh sb="7" eb="10">
      <t>イッチョウメ</t>
    </rPh>
    <phoneticPr fontId="1"/>
  </si>
  <si>
    <t>ＭＮビルＡ</t>
    <phoneticPr fontId="1"/>
  </si>
  <si>
    <t>ビューティーハウスうつくしどころイズミ</t>
    <phoneticPr fontId="1"/>
  </si>
  <si>
    <t>富山市高屋敷８１６－１３</t>
    <rPh sb="0" eb="3">
      <t>トヤマシ</t>
    </rPh>
    <rPh sb="3" eb="6">
      <t>タカヤシキ</t>
    </rPh>
    <phoneticPr fontId="1"/>
  </si>
  <si>
    <t>富山市新根塚一丁目９－４５</t>
    <rPh sb="0" eb="3">
      <t>トヤマシ</t>
    </rPh>
    <rPh sb="3" eb="5">
      <t>シンネ</t>
    </rPh>
    <rPh sb="5" eb="6">
      <t>ヅカ</t>
    </rPh>
    <rPh sb="6" eb="9">
      <t>イッチョウメ</t>
    </rPh>
    <phoneticPr fontId="1"/>
  </si>
  <si>
    <t>ＢＮＫビル　１Ｆ</t>
    <phoneticPr fontId="1"/>
  </si>
  <si>
    <t>hair and spa slon calin</t>
    <phoneticPr fontId="1"/>
  </si>
  <si>
    <t>ＣｃｃＧ　ｈａｉｒ</t>
    <phoneticPr fontId="1"/>
  </si>
  <si>
    <t>Ｒｕｔｉｌｅ（ルチル）</t>
    <phoneticPr fontId="1"/>
  </si>
  <si>
    <t>富山市大町８２－３</t>
    <rPh sb="0" eb="3">
      <t>トヤマシ</t>
    </rPh>
    <rPh sb="3" eb="5">
      <t>オオマチ</t>
    </rPh>
    <phoneticPr fontId="1"/>
  </si>
  <si>
    <t>ＨＵＥ</t>
    <phoneticPr fontId="1"/>
  </si>
  <si>
    <t>富山市清水元町５－４</t>
    <rPh sb="0" eb="3">
      <t>トヤマシ</t>
    </rPh>
    <rPh sb="3" eb="7">
      <t>シミズモトマチ</t>
    </rPh>
    <phoneticPr fontId="1"/>
  </si>
  <si>
    <t>ラフィネ清水Ⅰ　１Ｆ</t>
    <rPh sb="4" eb="6">
      <t>シミズ</t>
    </rPh>
    <phoneticPr fontId="1"/>
  </si>
  <si>
    <r>
      <t>hair &amp; scalp Lilium</t>
    </r>
    <r>
      <rPr>
        <sz val="8"/>
        <color theme="1"/>
        <rFont val="ＭＳ Ｐゴシック"/>
        <family val="3"/>
        <charset val="128"/>
        <scheme val="minor"/>
      </rPr>
      <t>（ヘアアンドスキャルプ　リリウム）</t>
    </r>
    <phoneticPr fontId="1"/>
  </si>
  <si>
    <t>ヘアーアレンジショップ　ポレール</t>
    <phoneticPr fontId="1"/>
  </si>
  <si>
    <t>富山市五福３４３０</t>
    <rPh sb="0" eb="3">
      <t>トヤマシ</t>
    </rPh>
    <rPh sb="3" eb="5">
      <t>ゴフク</t>
    </rPh>
    <phoneticPr fontId="1"/>
  </si>
  <si>
    <t>松岡テナント</t>
    <rPh sb="0" eb="2">
      <t>マツオカ</t>
    </rPh>
    <phoneticPr fontId="1"/>
  </si>
  <si>
    <t>富山市羽根１４２０－５</t>
    <rPh sb="0" eb="3">
      <t>トヤマシ</t>
    </rPh>
    <rPh sb="3" eb="5">
      <t>ハネ</t>
    </rPh>
    <phoneticPr fontId="1"/>
  </si>
  <si>
    <t>ＡＯ　ＣＡＲＥ（アオ・ケア）</t>
    <phoneticPr fontId="1"/>
  </si>
  <si>
    <t>ｃｏｏｍ</t>
    <phoneticPr fontId="1"/>
  </si>
  <si>
    <t>富山市千石町５－６－２</t>
    <rPh sb="0" eb="3">
      <t>トヤマシ</t>
    </rPh>
    <rPh sb="3" eb="6">
      <t>センゴクマチ</t>
    </rPh>
    <phoneticPr fontId="1"/>
  </si>
  <si>
    <t>富山市呉羽町７１４８－２</t>
    <rPh sb="0" eb="3">
      <t>トヤマシ</t>
    </rPh>
    <rPh sb="3" eb="5">
      <t>クレハ</t>
    </rPh>
    <rPh sb="5" eb="6">
      <t>マチ</t>
    </rPh>
    <phoneticPr fontId="1"/>
  </si>
  <si>
    <t>富山市婦中町田島５８６　ポイントスクエアＡ－１</t>
    <rPh sb="0" eb="3">
      <t>トヤマシ</t>
    </rPh>
    <rPh sb="3" eb="6">
      <t>フチュウマチ</t>
    </rPh>
    <rPh sb="6" eb="8">
      <t>タジマ</t>
    </rPh>
    <phoneticPr fontId="1"/>
  </si>
  <si>
    <t>Ａｇｕ ｈａｉｒ ｏｔｔｏ 呉羽店</t>
    <rPh sb="14" eb="16">
      <t>クレハ</t>
    </rPh>
    <rPh sb="16" eb="17">
      <t>テン</t>
    </rPh>
    <phoneticPr fontId="1"/>
  </si>
  <si>
    <t>株式会社　Ｅｉｇｈｔ</t>
    <rPh sb="0" eb="4">
      <t>カブシキガイシャ</t>
    </rPh>
    <phoneticPr fontId="1"/>
  </si>
  <si>
    <t>ｕｂｕ</t>
    <phoneticPr fontId="1"/>
  </si>
  <si>
    <t>富山市犬島５－６－３</t>
    <rPh sb="0" eb="3">
      <t>トヤマシ</t>
    </rPh>
    <rPh sb="3" eb="5">
      <t>イヌジマ</t>
    </rPh>
    <phoneticPr fontId="1"/>
  </si>
  <si>
    <t>ｈａｉｒ ｓａｌｏｎ ＫＩＴＴＹ</t>
    <phoneticPr fontId="1"/>
  </si>
  <si>
    <t>富山市上飯野新町３－３４０－２</t>
    <rPh sb="0" eb="3">
      <t>トヤマシ</t>
    </rPh>
    <rPh sb="3" eb="4">
      <t>カミ</t>
    </rPh>
    <rPh sb="4" eb="6">
      <t>イイノ</t>
    </rPh>
    <rPh sb="6" eb="8">
      <t>シンマチ</t>
    </rPh>
    <phoneticPr fontId="1"/>
  </si>
  <si>
    <t>富山市下新北町５－３２－１</t>
    <rPh sb="0" eb="3">
      <t>トヤマシ</t>
    </rPh>
    <rPh sb="3" eb="7">
      <t>シモシンキタマチ</t>
    </rPh>
    <phoneticPr fontId="1"/>
  </si>
  <si>
    <t>和田美容室</t>
    <phoneticPr fontId="1"/>
  </si>
  <si>
    <t>Ｅｙｅｓａｌｏｎ ｍｏ’ｚ</t>
    <phoneticPr fontId="1"/>
  </si>
  <si>
    <t>ｇａｒａｎ（ガラン）</t>
    <phoneticPr fontId="1"/>
  </si>
  <si>
    <t>富山市大泉北町２－３</t>
    <rPh sb="0" eb="3">
      <t>トヤマシ</t>
    </rPh>
    <rPh sb="3" eb="7">
      <t>オオイズミキタマチ</t>
    </rPh>
    <phoneticPr fontId="1"/>
  </si>
  <si>
    <t>ヘア＆エステはまざき奥田店</t>
    <phoneticPr fontId="1"/>
  </si>
  <si>
    <t>株式会社　キレイコムＤｅｕｃｅ</t>
    <rPh sb="0" eb="2">
      <t>カブシキ</t>
    </rPh>
    <rPh sb="2" eb="4">
      <t>カイシャ</t>
    </rPh>
    <phoneticPr fontId="1"/>
  </si>
  <si>
    <t>Ｎａｌｕ</t>
    <phoneticPr fontId="1"/>
  </si>
  <si>
    <t>富山市豊田本町２－６－２０</t>
    <rPh sb="0" eb="3">
      <t>トヤマシ</t>
    </rPh>
    <rPh sb="3" eb="5">
      <t>トヨタ</t>
    </rPh>
    <rPh sb="5" eb="7">
      <t>ホンマチ</t>
    </rPh>
    <phoneticPr fontId="1"/>
  </si>
  <si>
    <t>きくら美容室</t>
    <rPh sb="3" eb="6">
      <t>ビヨウシツ</t>
    </rPh>
    <phoneticPr fontId="1"/>
  </si>
  <si>
    <t>富山市総曲輪３－２－１７</t>
    <rPh sb="0" eb="3">
      <t>トヤマシ</t>
    </rPh>
    <rPh sb="3" eb="6">
      <t>ソウガワ</t>
    </rPh>
    <phoneticPr fontId="1"/>
  </si>
  <si>
    <t>フロンティアビル</t>
    <phoneticPr fontId="1"/>
  </si>
  <si>
    <t>株式会社　きくら美粧室</t>
    <rPh sb="0" eb="2">
      <t>カブシキ</t>
    </rPh>
    <rPh sb="2" eb="4">
      <t>カイシャ</t>
    </rPh>
    <phoneticPr fontId="1"/>
  </si>
  <si>
    <t>富山市中央通り１－２－７</t>
    <rPh sb="0" eb="3">
      <t>トヤマシ</t>
    </rPh>
    <rPh sb="3" eb="5">
      <t>チュウオウ</t>
    </rPh>
    <phoneticPr fontId="1"/>
  </si>
  <si>
    <t>美容室ハハ</t>
    <rPh sb="0" eb="3">
      <t>ビヨウシツ</t>
    </rPh>
    <phoneticPr fontId="1"/>
  </si>
  <si>
    <t>富山市中市２－８－５１</t>
    <rPh sb="0" eb="3">
      <t>トヤマシ</t>
    </rPh>
    <rPh sb="3" eb="5">
      <t>ナカイチ</t>
    </rPh>
    <phoneticPr fontId="1"/>
  </si>
  <si>
    <t>しろくまビル１Ｆ</t>
    <phoneticPr fontId="1"/>
  </si>
  <si>
    <t>ｍｉｔｏ Ｈａｉｒ Ｒｏｏｍ</t>
    <phoneticPr fontId="1"/>
  </si>
  <si>
    <t>富山市四方荒屋１３６４－１６</t>
    <rPh sb="0" eb="3">
      <t>トヤマシ</t>
    </rPh>
    <rPh sb="3" eb="5">
      <t>ヨカタ</t>
    </rPh>
    <rPh sb="5" eb="7">
      <t>アラヤ</t>
    </rPh>
    <phoneticPr fontId="1"/>
  </si>
  <si>
    <t>Ａｇｕ ｈａｉｒ Ｓｈｉｎｅ</t>
    <phoneticPr fontId="1"/>
  </si>
  <si>
    <t>富山市羽根１４０７－２</t>
    <rPh sb="0" eb="3">
      <t>トヤマシ</t>
    </rPh>
    <rPh sb="3" eb="5">
      <t>ハネ</t>
    </rPh>
    <phoneticPr fontId="1"/>
  </si>
  <si>
    <t>富山市婦中町田島５８６ポイントスクエアＡ－１</t>
    <rPh sb="0" eb="3">
      <t>トヤマシ</t>
    </rPh>
    <rPh sb="3" eb="6">
      <t>フチュウマチ</t>
    </rPh>
    <rPh sb="6" eb="8">
      <t>タジマ</t>
    </rPh>
    <phoneticPr fontId="1"/>
  </si>
  <si>
    <t>富山市鹿島町２－３－９</t>
    <rPh sb="0" eb="3">
      <t>トヤマシ</t>
    </rPh>
    <rPh sb="3" eb="6">
      <t>カシマチョウ</t>
    </rPh>
    <phoneticPr fontId="1"/>
  </si>
  <si>
    <t>株式会社　Ｅｉｇｈｔ</t>
    <rPh sb="0" eb="2">
      <t>カブシキ</t>
    </rPh>
    <rPh sb="2" eb="4">
      <t>カイシャ</t>
    </rPh>
    <phoneticPr fontId="1"/>
  </si>
  <si>
    <t>ｅｙｅ　ｄｅｓｉｇｎ　Ｍｏｉ</t>
    <phoneticPr fontId="1"/>
  </si>
  <si>
    <t>まつげサロン　Ｎｅｒｉｎｅ</t>
    <phoneticPr fontId="1"/>
  </si>
  <si>
    <t>富山市婦中町西ヶ丘１－１０６</t>
    <rPh sb="0" eb="3">
      <t>トヤマシ</t>
    </rPh>
    <rPh sb="3" eb="6">
      <t>フチュウマチ</t>
    </rPh>
    <rPh sb="6" eb="9">
      <t>ニシガオカ</t>
    </rPh>
    <phoneticPr fontId="1"/>
  </si>
  <si>
    <t>ｔｉｒｏｉｒ（ティロワール）</t>
    <phoneticPr fontId="1"/>
  </si>
  <si>
    <t>富山市藤木２６７９</t>
    <rPh sb="0" eb="3">
      <t>トヤマシ</t>
    </rPh>
    <rPh sb="3" eb="5">
      <t>フジノキ</t>
    </rPh>
    <phoneticPr fontId="1"/>
  </si>
  <si>
    <t>Ｄ－ＢＯＸ１０１</t>
    <phoneticPr fontId="1"/>
  </si>
  <si>
    <t>Ｏｚ（オンス）</t>
    <phoneticPr fontId="1"/>
  </si>
  <si>
    <t>富山市清水町４丁目１－１</t>
    <rPh sb="0" eb="3">
      <t>トヤマシ</t>
    </rPh>
    <rPh sb="3" eb="6">
      <t>シミズマチ</t>
    </rPh>
    <rPh sb="7" eb="9">
      <t>チョウメ</t>
    </rPh>
    <phoneticPr fontId="1"/>
  </si>
  <si>
    <t>コンチネンタル清水Ａ棟</t>
    <rPh sb="7" eb="9">
      <t>シミズ</t>
    </rPh>
    <rPh sb="10" eb="11">
      <t>トウ</t>
    </rPh>
    <phoneticPr fontId="1"/>
  </si>
  <si>
    <t>ふれあいハウス１Ｆ</t>
    <phoneticPr fontId="1"/>
  </si>
  <si>
    <t>kalah private salon for me</t>
    <phoneticPr fontId="1"/>
  </si>
  <si>
    <t>富山市今泉北部町１－５</t>
    <phoneticPr fontId="1"/>
  </si>
  <si>
    <t>ｋｅｓｈｉｋｉ</t>
    <phoneticPr fontId="1"/>
  </si>
  <si>
    <t>富山市堀川町４０８</t>
    <rPh sb="0" eb="3">
      <t>トヤマシ</t>
    </rPh>
    <rPh sb="3" eb="5">
      <t>ホリカワ</t>
    </rPh>
    <rPh sb="5" eb="6">
      <t>マチ</t>
    </rPh>
    <phoneticPr fontId="1"/>
  </si>
  <si>
    <t>グリーンピース堀川　テナント２</t>
    <rPh sb="7" eb="9">
      <t>ホリカワ</t>
    </rPh>
    <phoneticPr fontId="1"/>
  </si>
  <si>
    <t>ヘアスタジオ　まおとしょう</t>
    <phoneticPr fontId="1"/>
  </si>
  <si>
    <t>富山市婦中町速星５８４番地</t>
    <rPh sb="0" eb="3">
      <t>トヤマシ</t>
    </rPh>
    <rPh sb="3" eb="6">
      <t>フチュウマチ</t>
    </rPh>
    <rPh sb="6" eb="8">
      <t>ハヤホシ</t>
    </rPh>
    <rPh sb="11" eb="13">
      <t>バンチ</t>
    </rPh>
    <phoneticPr fontId="1"/>
  </si>
  <si>
    <t>ｍｕｔ．合同会社</t>
    <rPh sb="4" eb="6">
      <t>ゴウドウ</t>
    </rPh>
    <rPh sb="6" eb="8">
      <t>カイシャ</t>
    </rPh>
    <phoneticPr fontId="1"/>
  </si>
  <si>
    <t>富山市雄山町５－１６</t>
    <rPh sb="0" eb="3">
      <t>トヤマシ</t>
    </rPh>
    <rPh sb="3" eb="5">
      <t>オヤマ</t>
    </rPh>
    <rPh sb="5" eb="6">
      <t>マチ</t>
    </rPh>
    <phoneticPr fontId="1"/>
  </si>
  <si>
    <t>ＤＥＬＩＧＨＴ　五福店</t>
    <phoneticPr fontId="1"/>
  </si>
  <si>
    <t>株式会社　カリスコーポレーション</t>
    <phoneticPr fontId="1"/>
  </si>
  <si>
    <t>株式会社　アトリエいざわ</t>
    <rPh sb="0" eb="2">
      <t>カブシキ</t>
    </rPh>
    <rPh sb="2" eb="4">
      <t>カイシャ</t>
    </rPh>
    <phoneticPr fontId="1"/>
  </si>
  <si>
    <t>東京都品川区東品川４－１２－６</t>
    <rPh sb="0" eb="3">
      <t>トウキョウト</t>
    </rPh>
    <rPh sb="3" eb="6">
      <t>シナガワク</t>
    </rPh>
    <rPh sb="6" eb="9">
      <t>ヒガシシナガワ</t>
    </rPh>
    <phoneticPr fontId="1"/>
  </si>
  <si>
    <t>ａｌｅｅｚａ　富山店</t>
    <rPh sb="7" eb="10">
      <t>トヤマテン</t>
    </rPh>
    <phoneticPr fontId="1"/>
  </si>
  <si>
    <t>富山市寺町けやき台１６番地</t>
    <rPh sb="0" eb="3">
      <t>トヤマシ</t>
    </rPh>
    <rPh sb="3" eb="5">
      <t>テラマチ</t>
    </rPh>
    <rPh sb="8" eb="9">
      <t>ダイ</t>
    </rPh>
    <rPh sb="11" eb="13">
      <t>バンチ</t>
    </rPh>
    <phoneticPr fontId="1"/>
  </si>
  <si>
    <t>株式会社　Ｇｕｒｉｏｎ</t>
    <rPh sb="0" eb="2">
      <t>カブシキ</t>
    </rPh>
    <rPh sb="2" eb="4">
      <t>カイシャ</t>
    </rPh>
    <phoneticPr fontId="1"/>
  </si>
  <si>
    <t>東京都港区元麻布２－１－１７　モダンフォルム元麻布ビル２Ｆ</t>
    <rPh sb="0" eb="3">
      <t>トウキョウト</t>
    </rPh>
    <rPh sb="3" eb="5">
      <t>ミナトク</t>
    </rPh>
    <rPh sb="5" eb="8">
      <t>モトアザブ</t>
    </rPh>
    <rPh sb="22" eb="25">
      <t>モトアザブ</t>
    </rPh>
    <phoneticPr fontId="1"/>
  </si>
  <si>
    <t>ｍａｌｌｏｗ</t>
    <phoneticPr fontId="1"/>
  </si>
  <si>
    <t>富山市婦中町上轡田８０６－５</t>
    <rPh sb="0" eb="3">
      <t>トヤマシ</t>
    </rPh>
    <rPh sb="3" eb="6">
      <t>フチュウマチ</t>
    </rPh>
    <rPh sb="6" eb="7">
      <t>カミ</t>
    </rPh>
    <rPh sb="7" eb="9">
      <t>クツワダ</t>
    </rPh>
    <phoneticPr fontId="1"/>
  </si>
  <si>
    <t>フローリッシュ　カーム</t>
    <phoneticPr fontId="1"/>
  </si>
  <si>
    <t>富山市山室１１１－４</t>
    <rPh sb="0" eb="3">
      <t>トヤマシ</t>
    </rPh>
    <rPh sb="3" eb="5">
      <t>ヤマムロ</t>
    </rPh>
    <phoneticPr fontId="1"/>
  </si>
  <si>
    <t>成川ビル１Ｆ</t>
    <phoneticPr fontId="1"/>
  </si>
  <si>
    <t>ｉｃｏ ｈａｉｒ</t>
    <phoneticPr fontId="1"/>
  </si>
  <si>
    <t>富山市堤町通り２－７－５</t>
    <rPh sb="0" eb="3">
      <t>トヤマシ</t>
    </rPh>
    <rPh sb="3" eb="5">
      <t>ツツミチョウ</t>
    </rPh>
    <rPh sb="5" eb="6">
      <t>ドオリ</t>
    </rPh>
    <phoneticPr fontId="1"/>
  </si>
  <si>
    <t>細川ビル１Ｆ</t>
    <rPh sb="0" eb="2">
      <t>ホソカワ</t>
    </rPh>
    <phoneticPr fontId="1"/>
  </si>
  <si>
    <t>菜の花</t>
    <rPh sb="0" eb="1">
      <t>ナ</t>
    </rPh>
    <rPh sb="2" eb="3">
      <t>ハナ</t>
    </rPh>
    <phoneticPr fontId="1"/>
  </si>
  <si>
    <t>富山市五福１９２９－１</t>
    <rPh sb="0" eb="3">
      <t>トヤマシ</t>
    </rPh>
    <rPh sb="3" eb="5">
      <t>ゴフク</t>
    </rPh>
    <phoneticPr fontId="1"/>
  </si>
  <si>
    <t>タツヤビル２－Ｃ</t>
    <phoneticPr fontId="1"/>
  </si>
  <si>
    <t>ｅｙｅ ｌｕｘｅ</t>
    <phoneticPr fontId="1"/>
  </si>
  <si>
    <t>富山市町村６６</t>
    <rPh sb="0" eb="3">
      <t>トヤマシ</t>
    </rPh>
    <rPh sb="3" eb="5">
      <t>マチムラ</t>
    </rPh>
    <phoneticPr fontId="1"/>
  </si>
  <si>
    <t>ナチュラルヴィレッジ町村ⅡＡ棟　Ａ－２</t>
    <rPh sb="10" eb="12">
      <t>マチムラ</t>
    </rPh>
    <rPh sb="14" eb="15">
      <t>トウ</t>
    </rPh>
    <phoneticPr fontId="1"/>
  </si>
  <si>
    <t>富山市西町８－１４</t>
    <rPh sb="0" eb="3">
      <t>トヤマシ</t>
    </rPh>
    <phoneticPr fontId="1"/>
  </si>
  <si>
    <t>ロディオビル１Ｆ</t>
    <phoneticPr fontId="1"/>
  </si>
  <si>
    <t>パティナベール</t>
    <phoneticPr fontId="1"/>
  </si>
  <si>
    <t>ＮＥＸＵＳ</t>
    <phoneticPr fontId="1"/>
  </si>
  <si>
    <t>富山市中川原７８番地１４０</t>
    <rPh sb="0" eb="3">
      <t>トヤマシ</t>
    </rPh>
    <rPh sb="3" eb="6">
      <t>ナカガワラ</t>
    </rPh>
    <rPh sb="8" eb="10">
      <t>バンチ</t>
    </rPh>
    <phoneticPr fontId="1"/>
  </si>
  <si>
    <t>株式会社　和楽美容室</t>
    <rPh sb="0" eb="2">
      <t>カブシキ</t>
    </rPh>
    <rPh sb="2" eb="4">
      <t>カイシャ</t>
    </rPh>
    <phoneticPr fontId="1"/>
  </si>
  <si>
    <t>富山市太田口通り一丁目４－１０</t>
    <rPh sb="0" eb="3">
      <t>トヤマシ</t>
    </rPh>
    <rPh sb="3" eb="6">
      <t>オオタグチ</t>
    </rPh>
    <rPh sb="6" eb="7">
      <t>トオ</t>
    </rPh>
    <rPh sb="8" eb="11">
      <t>イッチョウメ</t>
    </rPh>
    <phoneticPr fontId="1"/>
  </si>
  <si>
    <t>ｈａｉｒ ａｅｓｔｈｅｔｉｃ Ｉｒｉｓ</t>
    <phoneticPr fontId="1"/>
  </si>
  <si>
    <t>富山市秋吉１６３－１－２</t>
    <rPh sb="0" eb="3">
      <t>トヤマシ</t>
    </rPh>
    <rPh sb="3" eb="5">
      <t>アキヨシ</t>
    </rPh>
    <phoneticPr fontId="1"/>
  </si>
  <si>
    <t>ファースト秋吉Ⅲ１３８号室</t>
    <rPh sb="5" eb="7">
      <t>アキヨシ</t>
    </rPh>
    <rPh sb="11" eb="13">
      <t>ゴウシツ</t>
    </rPh>
    <phoneticPr fontId="1"/>
  </si>
  <si>
    <t>Ｃｈｅｅｒｆｕｌ</t>
    <phoneticPr fontId="1"/>
  </si>
  <si>
    <t>Ｌｉｔ ｈａｉｒ ｄｅｓｉｇｎ</t>
    <phoneticPr fontId="1"/>
  </si>
  <si>
    <t>富山市石金２丁目４－１</t>
    <rPh sb="0" eb="3">
      <t>トヤマシ</t>
    </rPh>
    <rPh sb="3" eb="5">
      <t>イシガネ</t>
    </rPh>
    <rPh sb="6" eb="8">
      <t>チョウメ</t>
    </rPh>
    <phoneticPr fontId="1"/>
  </si>
  <si>
    <t>ＭＩＲＲＯＲ</t>
    <phoneticPr fontId="1"/>
  </si>
  <si>
    <t>富山市婦中町田島８２８－４</t>
    <rPh sb="0" eb="3">
      <t>トヤマシ</t>
    </rPh>
    <rPh sb="3" eb="6">
      <t>フチュウマチ</t>
    </rPh>
    <rPh sb="6" eb="8">
      <t>タジマ</t>
    </rPh>
    <phoneticPr fontId="1"/>
  </si>
  <si>
    <t>Ｄ－ＢＯＸ田島Ｂ棟１０３号室</t>
    <rPh sb="5" eb="7">
      <t>タジマ</t>
    </rPh>
    <rPh sb="8" eb="9">
      <t>トウ</t>
    </rPh>
    <rPh sb="12" eb="14">
      <t>ゴウシツ</t>
    </rPh>
    <phoneticPr fontId="1"/>
  </si>
  <si>
    <t>富山市西長江３丁目６－３３</t>
    <rPh sb="0" eb="3">
      <t>トヤマシ</t>
    </rPh>
    <rPh sb="3" eb="4">
      <t>ニシ</t>
    </rPh>
    <rPh sb="4" eb="6">
      <t>ナガエ</t>
    </rPh>
    <rPh sb="7" eb="9">
      <t>チョウメ</t>
    </rPh>
    <phoneticPr fontId="1"/>
  </si>
  <si>
    <t>富山市町村１－１１６</t>
    <rPh sb="0" eb="3">
      <t>トヤマシ</t>
    </rPh>
    <rPh sb="3" eb="5">
      <t>マチムラ</t>
    </rPh>
    <phoneticPr fontId="1"/>
  </si>
  <si>
    <t>株式会社　ｃａｓａ　ｈｉｒｕ　ｇａｒｄｅｎ</t>
    <rPh sb="0" eb="2">
      <t>カブシキ</t>
    </rPh>
    <rPh sb="2" eb="4">
      <t>カイシャ</t>
    </rPh>
    <phoneticPr fontId="1"/>
  </si>
  <si>
    <t>富山市常盤台１－４１</t>
    <rPh sb="0" eb="3">
      <t>トヤマシ</t>
    </rPh>
    <rPh sb="3" eb="6">
      <t>トキワダイ</t>
    </rPh>
    <phoneticPr fontId="1"/>
  </si>
  <si>
    <t>ｆｉｏｒａ</t>
    <phoneticPr fontId="1"/>
  </si>
  <si>
    <t>富山市牛島本町１丁目４－５０</t>
    <rPh sb="0" eb="3">
      <t>トヤマシ</t>
    </rPh>
    <rPh sb="8" eb="10">
      <t>チョウメ</t>
    </rPh>
    <phoneticPr fontId="1"/>
  </si>
  <si>
    <t>ｌｅｖｅｎｄｅ</t>
    <phoneticPr fontId="1"/>
  </si>
  <si>
    <t>富山市古沢４１０－２</t>
    <rPh sb="0" eb="3">
      <t>トヤマシ</t>
    </rPh>
    <rPh sb="3" eb="5">
      <t>フルサワ</t>
    </rPh>
    <phoneticPr fontId="1"/>
  </si>
  <si>
    <t>ｓｏｅｕｒ</t>
    <phoneticPr fontId="1"/>
  </si>
  <si>
    <t>グランフィオーレ１Ｆ－Ｂ</t>
    <phoneticPr fontId="1"/>
  </si>
  <si>
    <t>株式会社　Ｋａｎｏｎ</t>
    <rPh sb="0" eb="2">
      <t>カブシキ</t>
    </rPh>
    <rPh sb="2" eb="4">
      <t>カイシャ</t>
    </rPh>
    <phoneticPr fontId="1"/>
  </si>
  <si>
    <t>富山市中川原１９４－１</t>
    <rPh sb="0" eb="3">
      <t>トヤマシ</t>
    </rPh>
    <rPh sb="3" eb="6">
      <t>ナカガワラ</t>
    </rPh>
    <phoneticPr fontId="1"/>
  </si>
  <si>
    <t>ｓｅｅ</t>
    <phoneticPr fontId="1"/>
  </si>
  <si>
    <t>ＹＡＲＤＡＮＧ</t>
    <phoneticPr fontId="1"/>
  </si>
  <si>
    <t>Ｓｉｇｈ</t>
    <phoneticPr fontId="1"/>
  </si>
  <si>
    <t>Body salon N</t>
    <phoneticPr fontId="1"/>
  </si>
  <si>
    <t>富山市布瀬町南１－５－１</t>
    <rPh sb="0" eb="3">
      <t>トヤマシ</t>
    </rPh>
    <rPh sb="3" eb="5">
      <t>ヌノセ</t>
    </rPh>
    <rPh sb="5" eb="6">
      <t>マチ</t>
    </rPh>
    <rPh sb="6" eb="7">
      <t>ミナミ</t>
    </rPh>
    <phoneticPr fontId="1"/>
  </si>
  <si>
    <t>ＱＵＰＬＥ</t>
    <phoneticPr fontId="1"/>
  </si>
  <si>
    <t>ｔｏｉｒｏ</t>
    <phoneticPr fontId="1"/>
  </si>
  <si>
    <t>富山市蓮町１－１－７７</t>
    <rPh sb="0" eb="3">
      <t>トヤマシ</t>
    </rPh>
    <rPh sb="3" eb="5">
      <t>ハスマチ</t>
    </rPh>
    <phoneticPr fontId="1"/>
  </si>
  <si>
    <t>株式会社　富山レスキューサービス</t>
    <rPh sb="0" eb="2">
      <t>カブシキ</t>
    </rPh>
    <rPh sb="2" eb="4">
      <t>カイシャ</t>
    </rPh>
    <rPh sb="5" eb="7">
      <t>トヤマ</t>
    </rPh>
    <phoneticPr fontId="1"/>
  </si>
  <si>
    <t>富山市本町７－７</t>
    <rPh sb="0" eb="3">
      <t>トヤマシ</t>
    </rPh>
    <rPh sb="3" eb="5">
      <t>ホンマチ</t>
    </rPh>
    <phoneticPr fontId="1"/>
  </si>
  <si>
    <t>コーヌコピア１０２</t>
    <phoneticPr fontId="1"/>
  </si>
  <si>
    <t>富山市石金２－４－８</t>
    <rPh sb="0" eb="3">
      <t>トヤマシ</t>
    </rPh>
    <rPh sb="3" eb="5">
      <t>イシガネ</t>
    </rPh>
    <phoneticPr fontId="1"/>
  </si>
  <si>
    <t>ＧＬＡＲＴ</t>
    <phoneticPr fontId="1"/>
  </si>
  <si>
    <t>富山市新庄町１１６－１</t>
    <rPh sb="0" eb="3">
      <t>トヤマシ</t>
    </rPh>
    <rPh sb="3" eb="6">
      <t>シンジョウマチ</t>
    </rPh>
    <phoneticPr fontId="1"/>
  </si>
  <si>
    <t>富山市花園町2-1-1　コージーキューブ102</t>
    <rPh sb="5" eb="6">
      <t>マチ</t>
    </rPh>
    <phoneticPr fontId="1"/>
  </si>
  <si>
    <t>ｂａｌｍ</t>
    <phoneticPr fontId="1"/>
  </si>
  <si>
    <t>富山市中冨居１５－７０</t>
    <rPh sb="0" eb="3">
      <t>トヤマシ</t>
    </rPh>
    <rPh sb="3" eb="6">
      <t>ナカフゴ</t>
    </rPh>
    <phoneticPr fontId="1"/>
  </si>
  <si>
    <t>ｐｉｍｉｌ</t>
    <phoneticPr fontId="1"/>
  </si>
  <si>
    <t>富山市東町２－４－３０</t>
    <rPh sb="0" eb="3">
      <t>トヤマシ</t>
    </rPh>
    <rPh sb="3" eb="4">
      <t>ヒガシ</t>
    </rPh>
    <rPh sb="4" eb="5">
      <t>マチ</t>
    </rPh>
    <phoneticPr fontId="1"/>
  </si>
  <si>
    <t>はとほる</t>
    <phoneticPr fontId="1"/>
  </si>
  <si>
    <t>富山市上大久保３１６－６</t>
    <rPh sb="0" eb="3">
      <t>トヤマシ</t>
    </rPh>
    <rPh sb="3" eb="7">
      <t>カミオオクボ</t>
    </rPh>
    <phoneticPr fontId="1"/>
  </si>
  <si>
    <t>株式会社　イチエイ</t>
    <rPh sb="0" eb="2">
      <t>カブシキ</t>
    </rPh>
    <rPh sb="2" eb="4">
      <t>カイシャ</t>
    </rPh>
    <phoneticPr fontId="1"/>
  </si>
  <si>
    <t>富山市西塩野３７６－３</t>
    <rPh sb="0" eb="3">
      <t>トヤマシ</t>
    </rPh>
    <rPh sb="3" eb="4">
      <t>ニシ</t>
    </rPh>
    <rPh sb="4" eb="6">
      <t>シオノ</t>
    </rPh>
    <phoneticPr fontId="1"/>
  </si>
  <si>
    <t>富山市水橋市田袋２６８－６</t>
    <rPh sb="0" eb="3">
      <t>トヤマシ</t>
    </rPh>
    <rPh sb="3" eb="5">
      <t>ミズハシ</t>
    </rPh>
    <rPh sb="5" eb="7">
      <t>イチダ</t>
    </rPh>
    <rPh sb="7" eb="8">
      <t>フクロ</t>
    </rPh>
    <phoneticPr fontId="1"/>
  </si>
  <si>
    <t>ビルトマンション市田袋２０４号</t>
    <rPh sb="8" eb="10">
      <t>イチダ</t>
    </rPh>
    <rPh sb="10" eb="11">
      <t>フクロ</t>
    </rPh>
    <rPh sb="14" eb="15">
      <t>ゴウ</t>
    </rPh>
    <phoneticPr fontId="1"/>
  </si>
  <si>
    <t>ｍｉｅｌ</t>
    <phoneticPr fontId="1"/>
  </si>
  <si>
    <t>サロンＬａＬａ</t>
    <phoneticPr fontId="1"/>
  </si>
  <si>
    <t>富山市八尾町杉田６０３</t>
    <rPh sb="0" eb="3">
      <t>トヤマシ</t>
    </rPh>
    <rPh sb="3" eb="6">
      <t>ヤツオマチ</t>
    </rPh>
    <rPh sb="6" eb="8">
      <t>スギタ</t>
    </rPh>
    <phoneticPr fontId="1"/>
  </si>
  <si>
    <t>富山市住吉町1-1-10</t>
    <rPh sb="0" eb="3">
      <t>トヤマシ</t>
    </rPh>
    <rPh sb="3" eb="6">
      <t>スミヨシマチ</t>
    </rPh>
    <phoneticPr fontId="1"/>
  </si>
  <si>
    <t>株式会社　Ａｉｍ　Ｈｉｇｈ</t>
    <rPh sb="0" eb="2">
      <t>カブシキ</t>
    </rPh>
    <rPh sb="2" eb="4">
      <t>カイシャ</t>
    </rPh>
    <phoneticPr fontId="1"/>
  </si>
  <si>
    <t>富山市総曲輪二丁目８番１１号</t>
    <rPh sb="0" eb="3">
      <t>トヤマシ</t>
    </rPh>
    <rPh sb="3" eb="6">
      <t>ソウガワ</t>
    </rPh>
    <rPh sb="6" eb="9">
      <t>ニチョウメ</t>
    </rPh>
    <rPh sb="10" eb="11">
      <t>バン</t>
    </rPh>
    <rPh sb="13" eb="14">
      <t>ゴウ</t>
    </rPh>
    <phoneticPr fontId="1"/>
  </si>
  <si>
    <t>ｃｏｎｆｒｏｎｔ</t>
    <phoneticPr fontId="1"/>
  </si>
  <si>
    <t>ａｎｇｌｅ　ｏｆ　ｅｉｇｈｔ</t>
    <phoneticPr fontId="1"/>
  </si>
  <si>
    <t>富山市鵯島１９６９－１</t>
    <rPh sb="0" eb="3">
      <t>トヤマシ</t>
    </rPh>
    <rPh sb="3" eb="5">
      <t>ヒヨドリジマ</t>
    </rPh>
    <phoneticPr fontId="1"/>
  </si>
  <si>
    <t>ｏｎｅ×ｏｎｅ　ＨＡＩＲ２</t>
    <phoneticPr fontId="1"/>
  </si>
  <si>
    <t>富山市婦中町千里１０１６－１</t>
    <rPh sb="0" eb="3">
      <t>トヤマシ</t>
    </rPh>
    <rPh sb="3" eb="6">
      <t>フチュウマチ</t>
    </rPh>
    <rPh sb="6" eb="8">
      <t>チサト</t>
    </rPh>
    <phoneticPr fontId="1"/>
  </si>
  <si>
    <t>Ｍａ　Ｃｈéｒｉｅ</t>
    <phoneticPr fontId="1"/>
  </si>
  <si>
    <t>富山市千石町３丁目７－２</t>
    <rPh sb="0" eb="3">
      <t>トヤマシ</t>
    </rPh>
    <rPh sb="3" eb="6">
      <t>センゴクマチ</t>
    </rPh>
    <rPh sb="7" eb="9">
      <t>チョウメ</t>
    </rPh>
    <phoneticPr fontId="1"/>
  </si>
  <si>
    <t>ポエシア・ブランカ４０１号室</t>
    <rPh sb="12" eb="14">
      <t>ゴウシツ</t>
    </rPh>
    <phoneticPr fontId="1"/>
  </si>
  <si>
    <t>富山市一番町５－５　１Ｆ</t>
    <rPh sb="0" eb="3">
      <t>トヤマシ</t>
    </rPh>
    <rPh sb="3" eb="5">
      <t>イチバン</t>
    </rPh>
    <rPh sb="5" eb="6">
      <t>マチ</t>
    </rPh>
    <phoneticPr fontId="1"/>
  </si>
  <si>
    <t>THEORY LABO　hair scalp &amp; skin care</t>
    <phoneticPr fontId="1"/>
  </si>
  <si>
    <t>Ｓｅｌｅｌｉｏ</t>
    <phoneticPr fontId="1"/>
  </si>
  <si>
    <t>富山市太田口通り３－３－１０</t>
    <rPh sb="0" eb="3">
      <t>トヤマシ</t>
    </rPh>
    <rPh sb="3" eb="6">
      <t>オオタグチ</t>
    </rPh>
    <rPh sb="6" eb="7">
      <t>トオ</t>
    </rPh>
    <phoneticPr fontId="1"/>
  </si>
  <si>
    <t>太田口Ｊビル１Ｆ</t>
    <rPh sb="0" eb="3">
      <t>オオタグチ</t>
    </rPh>
    <phoneticPr fontId="1"/>
  </si>
  <si>
    <t>D'econtract'e salon SOIN</t>
    <phoneticPr fontId="1"/>
  </si>
  <si>
    <t>ｅｔｉｌ</t>
    <phoneticPr fontId="1"/>
  </si>
  <si>
    <t>富山市羽根５２５－１</t>
    <rPh sb="0" eb="3">
      <t>トヤマシ</t>
    </rPh>
    <rPh sb="3" eb="5">
      <t>ハネ</t>
    </rPh>
    <phoneticPr fontId="1"/>
  </si>
  <si>
    <t>Ｂｅｒｅｅ</t>
    <phoneticPr fontId="1"/>
  </si>
  <si>
    <t>富山市五福５８４２－４</t>
    <rPh sb="0" eb="3">
      <t>トヤマシ</t>
    </rPh>
    <rPh sb="3" eb="5">
      <t>ゴフク</t>
    </rPh>
    <phoneticPr fontId="1"/>
  </si>
  <si>
    <t>富山市窪本町１５－４１</t>
    <rPh sb="0" eb="3">
      <t>トヤマシ</t>
    </rPh>
    <rPh sb="3" eb="4">
      <t>クボ</t>
    </rPh>
    <rPh sb="4" eb="5">
      <t>ホン</t>
    </rPh>
    <rPh sb="5" eb="6">
      <t>マチ</t>
    </rPh>
    <phoneticPr fontId="1"/>
  </si>
  <si>
    <t>株式会社　ＢＯＲＤＯ</t>
    <rPh sb="0" eb="2">
      <t>カブシキ</t>
    </rPh>
    <rPh sb="2" eb="4">
      <t>カイシャ</t>
    </rPh>
    <phoneticPr fontId="1"/>
  </si>
  <si>
    <t>富山市中島３－６－４２</t>
    <rPh sb="0" eb="3">
      <t>トヤマシ</t>
    </rPh>
    <rPh sb="3" eb="5">
      <t>ナカジマ</t>
    </rPh>
    <phoneticPr fontId="1"/>
  </si>
  <si>
    <t>ＰＩＣＫＹ</t>
    <phoneticPr fontId="1"/>
  </si>
  <si>
    <t>富山市天正寺１０７２番地</t>
    <rPh sb="0" eb="3">
      <t>トヤマシ</t>
    </rPh>
    <rPh sb="3" eb="6">
      <t>テンショウジ</t>
    </rPh>
    <rPh sb="10" eb="12">
      <t>バンチ</t>
    </rPh>
    <phoneticPr fontId="1"/>
  </si>
  <si>
    <t>Ａ号室</t>
    <rPh sb="1" eb="3">
      <t>ゴウシツ</t>
    </rPh>
    <phoneticPr fontId="1"/>
  </si>
  <si>
    <t>Men's hair salon GREED by BORDO</t>
    <phoneticPr fontId="1"/>
  </si>
  <si>
    <t>開設年月日</t>
    <rPh sb="0" eb="2">
      <t>カイセツ</t>
    </rPh>
    <rPh sb="2" eb="5">
      <t>ネンガッピ</t>
    </rPh>
    <phoneticPr fontId="1"/>
  </si>
  <si>
    <t>施設名</t>
    <rPh sb="0" eb="2">
      <t>シセツ</t>
    </rPh>
    <rPh sb="2" eb="3">
      <t>メイ</t>
    </rPh>
    <phoneticPr fontId="1"/>
  </si>
  <si>
    <t>施設住所</t>
    <rPh sb="0" eb="2">
      <t>シセツ</t>
    </rPh>
    <rPh sb="2" eb="4">
      <t>ジュウショ</t>
    </rPh>
    <phoneticPr fontId="1"/>
  </si>
  <si>
    <t>営業者名</t>
    <rPh sb="0" eb="2">
      <t>エイギョウ</t>
    </rPh>
    <rPh sb="2" eb="3">
      <t>シャ</t>
    </rPh>
    <rPh sb="3" eb="4">
      <t>メイ</t>
    </rPh>
    <phoneticPr fontId="1"/>
  </si>
  <si>
    <t>営業者住所</t>
    <rPh sb="0" eb="2">
      <t>エイギョウ</t>
    </rPh>
    <rPh sb="2" eb="3">
      <t>シャ</t>
    </rPh>
    <rPh sb="3" eb="5">
      <t>ジュウショ</t>
    </rPh>
    <phoneticPr fontId="1"/>
  </si>
  <si>
    <t>番号</t>
    <rPh sb="0" eb="2">
      <t>バンゴ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[$-411]ge\.m\.d;@"/>
    <numFmt numFmtId="177" formatCode="0_);[Red]\(0\)"/>
  </numFmts>
  <fonts count="3" x14ac:knownFonts="1">
    <font>
      <sz val="11"/>
      <color theme="1"/>
      <name val="ＭＳ Ｐゴシック"/>
      <family val="2"/>
      <scheme val="minor"/>
    </font>
    <font>
      <sz val="6"/>
      <name val="ＭＳ Ｐゴシック"/>
      <family val="3"/>
      <charset val="128"/>
      <scheme val="minor"/>
    </font>
    <font>
      <sz val="8"/>
      <color theme="1"/>
      <name val="ＭＳ Ｐゴシック"/>
      <family val="3"/>
      <charset val="128"/>
      <scheme val="minor"/>
    </font>
  </fonts>
  <fills count="3">
    <fill>
      <patternFill patternType="none"/>
    </fill>
    <fill>
      <patternFill patternType="gray125"/>
    </fill>
    <fill>
      <patternFill patternType="solid">
        <fgColor theme="0"/>
        <bgColor indexed="64"/>
      </patternFill>
    </fill>
  </fills>
  <borders count="4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9">
    <xf numFmtId="0" fontId="0" fillId="0" borderId="0" xfId="0"/>
    <xf numFmtId="0" fontId="0" fillId="0" borderId="0" xfId="0" applyAlignment="1">
      <alignment shrinkToFit="1"/>
    </xf>
    <xf numFmtId="0" fontId="0" fillId="0" borderId="0" xfId="0" applyFill="1"/>
    <xf numFmtId="0" fontId="0" fillId="0" borderId="0" xfId="0" applyFill="1" applyAlignment="1"/>
    <xf numFmtId="0" fontId="0" fillId="0" borderId="0" xfId="0" applyAlignment="1"/>
    <xf numFmtId="0" fontId="0" fillId="0" borderId="1" xfId="0" applyFill="1" applyBorder="1" applyAlignment="1">
      <alignment shrinkToFit="1"/>
    </xf>
    <xf numFmtId="0" fontId="0" fillId="2" borderId="1" xfId="0" applyFill="1" applyBorder="1" applyAlignment="1">
      <alignment shrinkToFit="1"/>
    </xf>
    <xf numFmtId="0" fontId="0" fillId="2" borderId="0" xfId="0" applyFill="1"/>
    <xf numFmtId="0" fontId="0" fillId="0" borderId="1" xfId="0" applyBorder="1" applyAlignment="1">
      <alignment shrinkToFit="1"/>
    </xf>
    <xf numFmtId="177" fontId="0" fillId="2" borderId="1" xfId="0" applyNumberFormat="1" applyFill="1" applyBorder="1" applyAlignment="1" applyProtection="1">
      <alignment horizontal="right" shrinkToFit="1"/>
    </xf>
    <xf numFmtId="176" fontId="0" fillId="2" borderId="1" xfId="0" applyNumberFormat="1" applyFill="1" applyBorder="1" applyAlignment="1" applyProtection="1">
      <alignment horizontal="right" vertical="center" shrinkToFit="1"/>
    </xf>
    <xf numFmtId="177" fontId="0" fillId="0" borderId="1" xfId="0" applyNumberFormat="1" applyFill="1" applyBorder="1" applyAlignment="1" applyProtection="1">
      <alignment horizontal="left" shrinkToFit="1"/>
    </xf>
    <xf numFmtId="176" fontId="0" fillId="0" borderId="1" xfId="0" applyNumberFormat="1" applyFill="1" applyBorder="1" applyAlignment="1">
      <alignment horizontal="left" shrinkToFit="1"/>
    </xf>
    <xf numFmtId="176" fontId="0" fillId="2" borderId="1" xfId="0" applyNumberFormat="1" applyFill="1" applyBorder="1" applyAlignment="1">
      <alignment horizontal="right" shrinkToFit="1"/>
    </xf>
    <xf numFmtId="177" fontId="0" fillId="2" borderId="1" xfId="0" applyNumberFormat="1" applyFill="1" applyBorder="1" applyAlignment="1">
      <alignment horizontal="right" shrinkToFit="1"/>
    </xf>
    <xf numFmtId="57" fontId="0" fillId="2" borderId="1" xfId="0" applyNumberFormat="1" applyFill="1" applyBorder="1" applyAlignment="1">
      <alignment shrinkToFit="1"/>
    </xf>
    <xf numFmtId="49" fontId="0" fillId="2" borderId="1" xfId="0" applyNumberFormat="1" applyFill="1" applyBorder="1" applyAlignment="1">
      <alignment shrinkToFit="1"/>
    </xf>
    <xf numFmtId="0" fontId="0" fillId="0" borderId="2" xfId="0" applyFill="1" applyBorder="1" applyAlignment="1">
      <alignment horizontal="left" shrinkToFit="1"/>
    </xf>
    <xf numFmtId="0" fontId="0" fillId="0" borderId="3" xfId="0" applyFill="1" applyBorder="1" applyAlignment="1">
      <alignment horizontal="left" shrinkToFit="1"/>
    </xf>
  </cellXfs>
  <cellStyles count="1">
    <cellStyle name="標準" xfId="0" builtinId="0"/>
  </cellStyles>
  <dxfs count="1">
    <dxf>
      <border>
        <left style="thin">
          <color auto="1"/>
        </left>
        <right style="thin">
          <color auto="1"/>
        </right>
        <top style="thin">
          <color auto="1"/>
        </top>
        <bottom style="thin">
          <color auto="1"/>
        </bottom>
        <vertical style="thin">
          <color auto="1"/>
        </vertical>
        <horizontal style="thin">
          <color auto="1"/>
        </horizontal>
      </border>
    </dxf>
  </dxfs>
  <tableStyles count="1" defaultTableStyle="TableStyleMedium9" defaultPivotStyle="PivotStyleLight16">
    <tableStyle name="テーブル スタイル 1" pivot="0" count="1">
      <tableStyleElement type="wholeTable" dxfId="0"/>
    </tableStyle>
  </tableStyles>
  <colors>
    <mruColors>
      <color rgb="FFFF99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1047"/>
  <sheetViews>
    <sheetView tabSelected="1" workbookViewId="0">
      <selection activeCell="A2" sqref="A2"/>
    </sheetView>
  </sheetViews>
  <sheetFormatPr defaultRowHeight="13.5" x14ac:dyDescent="0.15"/>
  <cols>
    <col min="1" max="1" width="3.875" style="1" customWidth="1"/>
    <col min="2" max="2" width="18.625" style="1" customWidth="1"/>
    <col min="3" max="3" width="18.375" style="1" customWidth="1"/>
    <col min="4" max="4" width="13.5" style="1" customWidth="1"/>
    <col min="5" max="5" width="19" style="1" customWidth="1"/>
    <col min="6" max="6" width="14.25" style="1" customWidth="1"/>
    <col min="7" max="7" width="4.75" style="1" customWidth="1"/>
    <col min="8" max="8" width="6.625" style="1" customWidth="1"/>
  </cols>
  <sheetData>
    <row r="1" spans="1:8" s="4" customFormat="1" x14ac:dyDescent="0.15">
      <c r="A1" s="8" t="s">
        <v>3042</v>
      </c>
      <c r="B1" s="5" t="s">
        <v>3038</v>
      </c>
      <c r="C1" s="17" t="s">
        <v>3039</v>
      </c>
      <c r="D1" s="18"/>
      <c r="E1" s="5" t="s">
        <v>3040</v>
      </c>
      <c r="F1" s="5" t="s">
        <v>3041</v>
      </c>
      <c r="G1" s="11" t="s">
        <v>2310</v>
      </c>
      <c r="H1" s="12" t="s">
        <v>3037</v>
      </c>
    </row>
    <row r="2" spans="1:8" ht="13.15" customHeight="1" x14ac:dyDescent="0.15">
      <c r="A2" s="6">
        <v>1</v>
      </c>
      <c r="B2" s="6" t="s">
        <v>34</v>
      </c>
      <c r="C2" s="6" t="s">
        <v>35</v>
      </c>
      <c r="D2" s="6"/>
      <c r="E2" s="6"/>
      <c r="F2" s="6"/>
      <c r="G2" s="9" t="s">
        <v>36</v>
      </c>
      <c r="H2" s="10">
        <v>16993</v>
      </c>
    </row>
    <row r="3" spans="1:8" ht="13.15" customHeight="1" x14ac:dyDescent="0.15">
      <c r="A3" s="6">
        <v>2</v>
      </c>
      <c r="B3" s="6" t="s">
        <v>583</v>
      </c>
      <c r="C3" s="6" t="s">
        <v>584</v>
      </c>
      <c r="D3" s="6"/>
      <c r="E3" s="6"/>
      <c r="F3" s="6"/>
      <c r="G3" s="9" t="s">
        <v>407</v>
      </c>
      <c r="H3" s="10">
        <v>21398</v>
      </c>
    </row>
    <row r="4" spans="1:8" ht="13.15" customHeight="1" x14ac:dyDescent="0.15">
      <c r="A4" s="6">
        <v>3</v>
      </c>
      <c r="B4" s="6" t="s">
        <v>1092</v>
      </c>
      <c r="C4" s="6" t="s">
        <v>1093</v>
      </c>
      <c r="D4" s="6"/>
      <c r="E4" s="6"/>
      <c r="F4" s="6"/>
      <c r="G4" s="9"/>
      <c r="H4" s="10">
        <v>22123</v>
      </c>
    </row>
    <row r="5" spans="1:8" ht="13.15" customHeight="1" x14ac:dyDescent="0.15">
      <c r="A5" s="6">
        <v>4</v>
      </c>
      <c r="B5" s="6" t="s">
        <v>635</v>
      </c>
      <c r="C5" s="6" t="s">
        <v>636</v>
      </c>
      <c r="D5" s="6"/>
      <c r="E5" s="6"/>
      <c r="F5" s="6"/>
      <c r="G5" s="9" t="s">
        <v>605</v>
      </c>
      <c r="H5" s="10">
        <v>22190</v>
      </c>
    </row>
    <row r="6" spans="1:8" ht="13.15" customHeight="1" x14ac:dyDescent="0.15">
      <c r="A6" s="6">
        <v>5</v>
      </c>
      <c r="B6" s="6" t="s">
        <v>620</v>
      </c>
      <c r="C6" s="6" t="s">
        <v>621</v>
      </c>
      <c r="D6" s="6"/>
      <c r="E6" s="6"/>
      <c r="F6" s="6"/>
      <c r="G6" s="9" t="s">
        <v>622</v>
      </c>
      <c r="H6" s="10">
        <v>22412</v>
      </c>
    </row>
    <row r="7" spans="1:8" ht="13.15" customHeight="1" x14ac:dyDescent="0.15">
      <c r="A7" s="6">
        <v>6</v>
      </c>
      <c r="B7" s="6" t="s">
        <v>566</v>
      </c>
      <c r="C7" s="6" t="s">
        <v>567</v>
      </c>
      <c r="D7" s="6"/>
      <c r="E7" s="6"/>
      <c r="F7" s="6"/>
      <c r="G7" s="9" t="s">
        <v>286</v>
      </c>
      <c r="H7" s="10">
        <v>22628</v>
      </c>
    </row>
    <row r="8" spans="1:8" ht="13.15" customHeight="1" x14ac:dyDescent="0.15">
      <c r="A8" s="6">
        <v>7</v>
      </c>
      <c r="B8" s="6" t="s">
        <v>94</v>
      </c>
      <c r="C8" s="6" t="s">
        <v>95</v>
      </c>
      <c r="D8" s="6"/>
      <c r="E8" s="6"/>
      <c r="F8" s="6"/>
      <c r="G8" s="9"/>
      <c r="H8" s="10">
        <v>22732</v>
      </c>
    </row>
    <row r="9" spans="1:8" ht="13.15" customHeight="1" x14ac:dyDescent="0.15">
      <c r="A9" s="6">
        <v>8</v>
      </c>
      <c r="B9" s="6" t="s">
        <v>2379</v>
      </c>
      <c r="C9" s="6" t="s">
        <v>596</v>
      </c>
      <c r="D9" s="6"/>
      <c r="E9" s="6"/>
      <c r="F9" s="6"/>
      <c r="G9" s="9" t="s">
        <v>2</v>
      </c>
      <c r="H9" s="10">
        <v>22986</v>
      </c>
    </row>
    <row r="10" spans="1:8" ht="13.15" customHeight="1" x14ac:dyDescent="0.15">
      <c r="A10" s="6">
        <v>9</v>
      </c>
      <c r="B10" s="6" t="s">
        <v>411</v>
      </c>
      <c r="C10" s="6" t="s">
        <v>412</v>
      </c>
      <c r="D10" s="6"/>
      <c r="E10" s="6"/>
      <c r="F10" s="6"/>
      <c r="G10" s="9" t="s">
        <v>413</v>
      </c>
      <c r="H10" s="10">
        <v>22995</v>
      </c>
    </row>
    <row r="11" spans="1:8" ht="13.15" customHeight="1" x14ac:dyDescent="0.15">
      <c r="A11" s="6">
        <v>10</v>
      </c>
      <c r="B11" s="6" t="s">
        <v>606</v>
      </c>
      <c r="C11" s="6" t="s">
        <v>607</v>
      </c>
      <c r="D11" s="6"/>
      <c r="E11" s="6"/>
      <c r="F11" s="6"/>
      <c r="G11" s="9" t="s">
        <v>491</v>
      </c>
      <c r="H11" s="10">
        <v>23482</v>
      </c>
    </row>
    <row r="12" spans="1:8" ht="13.15" customHeight="1" x14ac:dyDescent="0.15">
      <c r="A12" s="6">
        <v>11</v>
      </c>
      <c r="B12" s="6" t="s">
        <v>2647</v>
      </c>
      <c r="C12" s="6" t="s">
        <v>575</v>
      </c>
      <c r="D12" s="6"/>
      <c r="E12" s="6"/>
      <c r="F12" s="6"/>
      <c r="G12" s="9" t="s">
        <v>576</v>
      </c>
      <c r="H12" s="10">
        <v>23866</v>
      </c>
    </row>
    <row r="13" spans="1:8" ht="13.15" customHeight="1" x14ac:dyDescent="0.15">
      <c r="A13" s="6">
        <v>12</v>
      </c>
      <c r="B13" s="6" t="s">
        <v>1100</v>
      </c>
      <c r="C13" s="6" t="s">
        <v>1101</v>
      </c>
      <c r="D13" s="6"/>
      <c r="E13" s="6"/>
      <c r="F13" s="6"/>
      <c r="G13" s="9" t="s">
        <v>818</v>
      </c>
      <c r="H13" s="10">
        <v>23869</v>
      </c>
    </row>
    <row r="14" spans="1:8" ht="13.15" customHeight="1" x14ac:dyDescent="0.15">
      <c r="A14" s="6">
        <v>13</v>
      </c>
      <c r="B14" s="6" t="s">
        <v>341</v>
      </c>
      <c r="C14" s="6" t="s">
        <v>342</v>
      </c>
      <c r="D14" s="6"/>
      <c r="E14" s="6"/>
      <c r="F14" s="6"/>
      <c r="G14" s="9"/>
      <c r="H14" s="10">
        <v>24104</v>
      </c>
    </row>
    <row r="15" spans="1:8" ht="13.15" customHeight="1" x14ac:dyDescent="0.15">
      <c r="A15" s="6">
        <v>14</v>
      </c>
      <c r="B15" s="6" t="s">
        <v>577</v>
      </c>
      <c r="C15" s="6" t="s">
        <v>578</v>
      </c>
      <c r="D15" s="6"/>
      <c r="E15" s="6"/>
      <c r="F15" s="6"/>
      <c r="G15" s="9" t="s">
        <v>579</v>
      </c>
      <c r="H15" s="10">
        <v>24268</v>
      </c>
    </row>
    <row r="16" spans="1:8" ht="13.15" customHeight="1" x14ac:dyDescent="0.15">
      <c r="A16" s="6">
        <v>15</v>
      </c>
      <c r="B16" s="6" t="s">
        <v>117</v>
      </c>
      <c r="C16" s="6" t="s">
        <v>997</v>
      </c>
      <c r="D16" s="6"/>
      <c r="E16" s="6"/>
      <c r="F16" s="6"/>
      <c r="G16" s="9"/>
      <c r="H16" s="10">
        <v>24343</v>
      </c>
    </row>
    <row r="17" spans="1:8" ht="13.15" customHeight="1" x14ac:dyDescent="0.15">
      <c r="A17" s="6">
        <v>16</v>
      </c>
      <c r="B17" s="6" t="s">
        <v>333</v>
      </c>
      <c r="C17" s="6" t="s">
        <v>334</v>
      </c>
      <c r="D17" s="6"/>
      <c r="E17" s="6"/>
      <c r="F17" s="6"/>
      <c r="G17" s="9" t="s">
        <v>55</v>
      </c>
      <c r="H17" s="10">
        <v>24560</v>
      </c>
    </row>
    <row r="18" spans="1:8" ht="13.15" customHeight="1" x14ac:dyDescent="0.15">
      <c r="A18" s="6">
        <v>17</v>
      </c>
      <c r="B18" s="6" t="s">
        <v>998</v>
      </c>
      <c r="C18" s="6" t="s">
        <v>999</v>
      </c>
      <c r="D18" s="6"/>
      <c r="E18" s="6"/>
      <c r="F18" s="6"/>
      <c r="G18" s="9"/>
      <c r="H18" s="10">
        <v>24615</v>
      </c>
    </row>
    <row r="19" spans="1:8" ht="13.15" customHeight="1" x14ac:dyDescent="0.15">
      <c r="A19" s="6">
        <v>18</v>
      </c>
      <c r="B19" s="6" t="s">
        <v>97</v>
      </c>
      <c r="C19" s="6" t="s">
        <v>98</v>
      </c>
      <c r="D19" s="6"/>
      <c r="E19" s="6"/>
      <c r="F19" s="6"/>
      <c r="G19" s="9" t="s">
        <v>99</v>
      </c>
      <c r="H19" s="10">
        <v>24677</v>
      </c>
    </row>
    <row r="20" spans="1:8" ht="13.15" customHeight="1" x14ac:dyDescent="0.15">
      <c r="A20" s="6">
        <v>19</v>
      </c>
      <c r="B20" s="6" t="s">
        <v>995</v>
      </c>
      <c r="C20" s="6" t="s">
        <v>996</v>
      </c>
      <c r="D20" s="6"/>
      <c r="E20" s="6"/>
      <c r="F20" s="6"/>
      <c r="G20" s="9"/>
      <c r="H20" s="10">
        <v>24690</v>
      </c>
    </row>
    <row r="21" spans="1:8" ht="13.15" customHeight="1" x14ac:dyDescent="0.15">
      <c r="A21" s="6">
        <v>20</v>
      </c>
      <c r="B21" s="6" t="s">
        <v>597</v>
      </c>
      <c r="C21" s="6" t="s">
        <v>598</v>
      </c>
      <c r="D21" s="6"/>
      <c r="E21" s="6"/>
      <c r="F21" s="6"/>
      <c r="G21" s="9" t="s">
        <v>599</v>
      </c>
      <c r="H21" s="10">
        <v>24716</v>
      </c>
    </row>
    <row r="22" spans="1:8" ht="13.15" customHeight="1" x14ac:dyDescent="0.15">
      <c r="A22" s="6">
        <v>21</v>
      </c>
      <c r="B22" s="6" t="s">
        <v>645</v>
      </c>
      <c r="C22" s="6" t="s">
        <v>646</v>
      </c>
      <c r="D22" s="6"/>
      <c r="E22" s="6"/>
      <c r="F22" s="6"/>
      <c r="G22" s="9" t="s">
        <v>647</v>
      </c>
      <c r="H22" s="10">
        <v>24768</v>
      </c>
    </row>
    <row r="23" spans="1:8" ht="13.15" customHeight="1" x14ac:dyDescent="0.15">
      <c r="A23" s="6">
        <v>22</v>
      </c>
      <c r="B23" s="6" t="s">
        <v>993</v>
      </c>
      <c r="C23" s="6" t="s">
        <v>994</v>
      </c>
      <c r="D23" s="6"/>
      <c r="E23" s="6"/>
      <c r="F23" s="6"/>
      <c r="G23" s="9"/>
      <c r="H23" s="10">
        <v>24916</v>
      </c>
    </row>
    <row r="24" spans="1:8" ht="13.15" customHeight="1" x14ac:dyDescent="0.15">
      <c r="A24" s="6">
        <v>23</v>
      </c>
      <c r="B24" s="6" t="s">
        <v>140</v>
      </c>
      <c r="C24" s="6" t="s">
        <v>141</v>
      </c>
      <c r="D24" s="6"/>
      <c r="E24" s="6"/>
      <c r="F24" s="6"/>
      <c r="G24" s="9" t="s">
        <v>143</v>
      </c>
      <c r="H24" s="10">
        <v>24930</v>
      </c>
    </row>
    <row r="25" spans="1:8" ht="13.15" customHeight="1" x14ac:dyDescent="0.15">
      <c r="A25" s="6">
        <v>24</v>
      </c>
      <c r="B25" s="6" t="s">
        <v>102</v>
      </c>
      <c r="C25" s="6" t="s">
        <v>103</v>
      </c>
      <c r="D25" s="6"/>
      <c r="E25" s="6"/>
      <c r="F25" s="6"/>
      <c r="G25" s="9" t="s">
        <v>104</v>
      </c>
      <c r="H25" s="10">
        <v>25191</v>
      </c>
    </row>
    <row r="26" spans="1:8" ht="13.15" customHeight="1" x14ac:dyDescent="0.15">
      <c r="A26" s="6">
        <v>25</v>
      </c>
      <c r="B26" s="6" t="s">
        <v>638</v>
      </c>
      <c r="C26" s="6" t="s">
        <v>639</v>
      </c>
      <c r="D26" s="6"/>
      <c r="E26" s="6"/>
      <c r="F26" s="6"/>
      <c r="G26" s="9" t="s">
        <v>641</v>
      </c>
      <c r="H26" s="10">
        <v>25258</v>
      </c>
    </row>
    <row r="27" spans="1:8" ht="13.15" customHeight="1" x14ac:dyDescent="0.15">
      <c r="A27" s="6">
        <v>26</v>
      </c>
      <c r="B27" s="6" t="s">
        <v>259</v>
      </c>
      <c r="C27" s="6" t="s">
        <v>260</v>
      </c>
      <c r="D27" s="6"/>
      <c r="E27" s="6"/>
      <c r="F27" s="6"/>
      <c r="G27" s="9"/>
      <c r="H27" s="10">
        <v>25417</v>
      </c>
    </row>
    <row r="28" spans="1:8" ht="13.15" customHeight="1" x14ac:dyDescent="0.15">
      <c r="A28" s="6">
        <v>27</v>
      </c>
      <c r="B28" s="6" t="s">
        <v>642</v>
      </c>
      <c r="C28" s="6" t="s">
        <v>643</v>
      </c>
      <c r="D28" s="6"/>
      <c r="E28" s="6"/>
      <c r="F28" s="6"/>
      <c r="G28" s="9" t="s">
        <v>644</v>
      </c>
      <c r="H28" s="10">
        <v>25480</v>
      </c>
    </row>
    <row r="29" spans="1:8" ht="13.15" customHeight="1" x14ac:dyDescent="0.15">
      <c r="A29" s="6">
        <v>28</v>
      </c>
      <c r="B29" s="6" t="s">
        <v>991</v>
      </c>
      <c r="C29" s="6" t="s">
        <v>992</v>
      </c>
      <c r="D29" s="6"/>
      <c r="E29" s="6"/>
      <c r="F29" s="6"/>
      <c r="G29" s="9"/>
      <c r="H29" s="10">
        <v>25659</v>
      </c>
    </row>
    <row r="30" spans="1:8" ht="13.15" customHeight="1" x14ac:dyDescent="0.15">
      <c r="A30" s="6">
        <v>29</v>
      </c>
      <c r="B30" s="6" t="s">
        <v>230</v>
      </c>
      <c r="C30" s="6" t="s">
        <v>231</v>
      </c>
      <c r="D30" s="6"/>
      <c r="E30" s="6"/>
      <c r="F30" s="6"/>
      <c r="G30" s="9"/>
      <c r="H30" s="10">
        <v>25666</v>
      </c>
    </row>
    <row r="31" spans="1:8" ht="13.15" customHeight="1" x14ac:dyDescent="0.15">
      <c r="A31" s="6">
        <v>30</v>
      </c>
      <c r="B31" s="6" t="s">
        <v>989</v>
      </c>
      <c r="C31" s="6" t="s">
        <v>990</v>
      </c>
      <c r="D31" s="6"/>
      <c r="E31" s="6"/>
      <c r="F31" s="6"/>
      <c r="G31" s="9"/>
      <c r="H31" s="10">
        <v>25785</v>
      </c>
    </row>
    <row r="32" spans="1:8" ht="13.15" customHeight="1" x14ac:dyDescent="0.15">
      <c r="A32" s="6">
        <v>31</v>
      </c>
      <c r="B32" s="6" t="s">
        <v>926</v>
      </c>
      <c r="C32" s="6" t="s">
        <v>927</v>
      </c>
      <c r="D32" s="6"/>
      <c r="E32" s="6"/>
      <c r="F32" s="6"/>
      <c r="G32" s="9" t="s">
        <v>928</v>
      </c>
      <c r="H32" s="10">
        <v>25868</v>
      </c>
    </row>
    <row r="33" spans="1:8" ht="13.15" customHeight="1" x14ac:dyDescent="0.15">
      <c r="A33" s="6">
        <v>32</v>
      </c>
      <c r="B33" s="6" t="s">
        <v>1090</v>
      </c>
      <c r="C33" s="6" t="s">
        <v>1091</v>
      </c>
      <c r="D33" s="6"/>
      <c r="E33" s="6"/>
      <c r="F33" s="6"/>
      <c r="G33" s="9"/>
      <c r="H33" s="10">
        <v>25922</v>
      </c>
    </row>
    <row r="34" spans="1:8" ht="13.15" customHeight="1" x14ac:dyDescent="0.15">
      <c r="A34" s="6">
        <v>33</v>
      </c>
      <c r="B34" s="6" t="s">
        <v>134</v>
      </c>
      <c r="C34" s="6" t="s">
        <v>135</v>
      </c>
      <c r="D34" s="6"/>
      <c r="E34" s="6"/>
      <c r="F34" s="6"/>
      <c r="G34" s="9" t="s">
        <v>137</v>
      </c>
      <c r="H34" s="10">
        <v>26015</v>
      </c>
    </row>
    <row r="35" spans="1:8" x14ac:dyDescent="0.15">
      <c r="A35" s="6">
        <v>34</v>
      </c>
      <c r="B35" s="6" t="s">
        <v>677</v>
      </c>
      <c r="C35" s="6" t="s">
        <v>678</v>
      </c>
      <c r="D35" s="6"/>
      <c r="E35" s="6"/>
      <c r="F35" s="6"/>
      <c r="G35" s="9" t="s">
        <v>679</v>
      </c>
      <c r="H35" s="10">
        <v>26115</v>
      </c>
    </row>
    <row r="36" spans="1:8" ht="13.15" customHeight="1" x14ac:dyDescent="0.15">
      <c r="A36" s="6">
        <v>35</v>
      </c>
      <c r="B36" s="6" t="s">
        <v>336</v>
      </c>
      <c r="C36" s="6" t="s">
        <v>337</v>
      </c>
      <c r="D36" s="6"/>
      <c r="E36" s="6"/>
      <c r="F36" s="6"/>
      <c r="G36" s="9" t="s">
        <v>338</v>
      </c>
      <c r="H36" s="10">
        <v>26148</v>
      </c>
    </row>
    <row r="37" spans="1:8" ht="13.15" customHeight="1" x14ac:dyDescent="0.15">
      <c r="A37" s="6">
        <v>36</v>
      </c>
      <c r="B37" s="6" t="s">
        <v>77</v>
      </c>
      <c r="C37" s="6" t="s">
        <v>78</v>
      </c>
      <c r="D37" s="6"/>
      <c r="E37" s="6"/>
      <c r="F37" s="6"/>
      <c r="G37" s="9" t="s">
        <v>79</v>
      </c>
      <c r="H37" s="10">
        <v>26188</v>
      </c>
    </row>
    <row r="38" spans="1:8" ht="13.15" customHeight="1" x14ac:dyDescent="0.15">
      <c r="A38" s="6">
        <v>37</v>
      </c>
      <c r="B38" s="6" t="s">
        <v>292</v>
      </c>
      <c r="C38" s="6" t="s">
        <v>293</v>
      </c>
      <c r="D38" s="6"/>
      <c r="E38" s="6"/>
      <c r="F38" s="6"/>
      <c r="G38" s="9" t="s">
        <v>294</v>
      </c>
      <c r="H38" s="10">
        <v>26235</v>
      </c>
    </row>
    <row r="39" spans="1:8" ht="13.15" customHeight="1" x14ac:dyDescent="0.15">
      <c r="A39" s="6">
        <v>38</v>
      </c>
      <c r="B39" s="6" t="s">
        <v>146</v>
      </c>
      <c r="C39" s="6" t="s">
        <v>1004</v>
      </c>
      <c r="D39" s="6"/>
      <c r="E39" s="6"/>
      <c r="F39" s="6"/>
      <c r="G39" s="9"/>
      <c r="H39" s="10">
        <v>26252</v>
      </c>
    </row>
    <row r="40" spans="1:8" ht="13.15" customHeight="1" x14ac:dyDescent="0.15">
      <c r="A40" s="6">
        <v>39</v>
      </c>
      <c r="B40" s="6" t="s">
        <v>1088</v>
      </c>
      <c r="C40" s="6" t="s">
        <v>1089</v>
      </c>
      <c r="D40" s="6"/>
      <c r="E40" s="6"/>
      <c r="F40" s="6"/>
      <c r="G40" s="9"/>
      <c r="H40" s="10">
        <v>26344</v>
      </c>
    </row>
    <row r="41" spans="1:8" ht="13.15" customHeight="1" x14ac:dyDescent="0.15">
      <c r="A41" s="6">
        <v>40</v>
      </c>
      <c r="B41" s="6" t="s">
        <v>986</v>
      </c>
      <c r="C41" s="6" t="s">
        <v>987</v>
      </c>
      <c r="D41" s="6"/>
      <c r="E41" s="6"/>
      <c r="F41" s="6"/>
      <c r="G41" s="9"/>
      <c r="H41" s="10">
        <v>26541</v>
      </c>
    </row>
    <row r="42" spans="1:8" ht="13.15" customHeight="1" x14ac:dyDescent="0.15">
      <c r="A42" s="6">
        <v>41</v>
      </c>
      <c r="B42" s="6" t="s">
        <v>453</v>
      </c>
      <c r="C42" s="6" t="s">
        <v>454</v>
      </c>
      <c r="D42" s="6"/>
      <c r="E42" s="6"/>
      <c r="F42" s="6"/>
      <c r="G42" s="9" t="s">
        <v>455</v>
      </c>
      <c r="H42" s="10">
        <v>26587</v>
      </c>
    </row>
    <row r="43" spans="1:8" ht="13.15" customHeight="1" x14ac:dyDescent="0.15">
      <c r="A43" s="6">
        <v>42</v>
      </c>
      <c r="B43" s="6" t="s">
        <v>369</v>
      </c>
      <c r="C43" s="6" t="s">
        <v>370</v>
      </c>
      <c r="D43" s="6"/>
      <c r="E43" s="6"/>
      <c r="F43" s="6"/>
      <c r="G43" s="9" t="s">
        <v>371</v>
      </c>
      <c r="H43" s="10">
        <v>26592</v>
      </c>
    </row>
    <row r="44" spans="1:8" ht="13.15" customHeight="1" x14ac:dyDescent="0.15">
      <c r="A44" s="6">
        <v>43</v>
      </c>
      <c r="B44" s="6" t="s">
        <v>616</v>
      </c>
      <c r="C44" s="6" t="s">
        <v>617</v>
      </c>
      <c r="D44" s="6"/>
      <c r="E44" s="6"/>
      <c r="F44" s="6"/>
      <c r="G44" s="9"/>
      <c r="H44" s="10">
        <v>26723</v>
      </c>
    </row>
    <row r="45" spans="1:8" ht="13.15" customHeight="1" x14ac:dyDescent="0.15">
      <c r="A45" s="6">
        <v>44</v>
      </c>
      <c r="B45" s="6" t="s">
        <v>458</v>
      </c>
      <c r="C45" s="6" t="s">
        <v>459</v>
      </c>
      <c r="D45" s="6"/>
      <c r="E45" s="6"/>
      <c r="F45" s="6"/>
      <c r="G45" s="9" t="s">
        <v>460</v>
      </c>
      <c r="H45" s="10">
        <v>26830</v>
      </c>
    </row>
    <row r="46" spans="1:8" ht="13.15" customHeight="1" x14ac:dyDescent="0.15">
      <c r="A46" s="6">
        <v>45</v>
      </c>
      <c r="B46" s="6" t="s">
        <v>48</v>
      </c>
      <c r="C46" s="6" t="s">
        <v>49</v>
      </c>
      <c r="D46" s="6"/>
      <c r="E46" s="6"/>
      <c r="F46" s="6"/>
      <c r="G46" s="9"/>
      <c r="H46" s="10">
        <v>26877</v>
      </c>
    </row>
    <row r="47" spans="1:8" ht="13.15" customHeight="1" x14ac:dyDescent="0.15">
      <c r="A47" s="6">
        <v>46</v>
      </c>
      <c r="B47" s="6" t="s">
        <v>83</v>
      </c>
      <c r="C47" s="6" t="s">
        <v>84</v>
      </c>
      <c r="D47" s="6"/>
      <c r="E47" s="6"/>
      <c r="F47" s="6"/>
      <c r="G47" s="9" t="s">
        <v>85</v>
      </c>
      <c r="H47" s="10">
        <v>26886</v>
      </c>
    </row>
    <row r="48" spans="1:8" ht="13.15" customHeight="1" x14ac:dyDescent="0.15">
      <c r="A48" s="6">
        <v>47</v>
      </c>
      <c r="B48" s="6" t="s">
        <v>923</v>
      </c>
      <c r="C48" s="6" t="s">
        <v>924</v>
      </c>
      <c r="D48" s="6"/>
      <c r="E48" s="6"/>
      <c r="F48" s="6"/>
      <c r="G48" s="9" t="s">
        <v>925</v>
      </c>
      <c r="H48" s="10">
        <v>26886</v>
      </c>
    </row>
    <row r="49" spans="1:8" ht="13.15" customHeight="1" x14ac:dyDescent="0.15">
      <c r="A49" s="6">
        <v>48</v>
      </c>
      <c r="B49" s="6" t="s">
        <v>656</v>
      </c>
      <c r="C49" s="6" t="s">
        <v>657</v>
      </c>
      <c r="D49" s="6"/>
      <c r="E49" s="6"/>
      <c r="F49" s="6"/>
      <c r="G49" s="9" t="s">
        <v>658</v>
      </c>
      <c r="H49" s="10">
        <v>26963</v>
      </c>
    </row>
    <row r="50" spans="1:8" ht="13.15" customHeight="1" x14ac:dyDescent="0.15">
      <c r="A50" s="6">
        <v>49</v>
      </c>
      <c r="B50" s="6" t="s">
        <v>234</v>
      </c>
      <c r="C50" s="6" t="s">
        <v>235</v>
      </c>
      <c r="D50" s="6"/>
      <c r="E50" s="6"/>
      <c r="F50" s="6"/>
      <c r="G50" s="9" t="s">
        <v>236</v>
      </c>
      <c r="H50" s="10">
        <v>26967</v>
      </c>
    </row>
    <row r="51" spans="1:8" ht="13.15" customHeight="1" x14ac:dyDescent="0.15">
      <c r="A51" s="6">
        <v>50</v>
      </c>
      <c r="B51" s="6" t="s">
        <v>648</v>
      </c>
      <c r="C51" s="6" t="s">
        <v>649</v>
      </c>
      <c r="D51" s="6"/>
      <c r="E51" s="6"/>
      <c r="F51" s="6"/>
      <c r="G51" s="9"/>
      <c r="H51" s="10">
        <v>27080</v>
      </c>
    </row>
    <row r="52" spans="1:8" ht="13.15" customHeight="1" x14ac:dyDescent="0.15">
      <c r="A52" s="6">
        <v>51</v>
      </c>
      <c r="B52" s="6" t="s">
        <v>214</v>
      </c>
      <c r="C52" s="6" t="s">
        <v>215</v>
      </c>
      <c r="D52" s="6"/>
      <c r="E52" s="6"/>
      <c r="F52" s="6"/>
      <c r="G52" s="9"/>
      <c r="H52" s="10">
        <v>27162</v>
      </c>
    </row>
    <row r="53" spans="1:8" ht="13.15" customHeight="1" x14ac:dyDescent="0.15">
      <c r="A53" s="6">
        <v>52</v>
      </c>
      <c r="B53" s="6" t="s">
        <v>105</v>
      </c>
      <c r="C53" s="6" t="s">
        <v>106</v>
      </c>
      <c r="D53" s="6"/>
      <c r="E53" s="6"/>
      <c r="F53" s="6"/>
      <c r="G53" s="9"/>
      <c r="H53" s="10">
        <v>27286</v>
      </c>
    </row>
    <row r="54" spans="1:8" ht="13.15" customHeight="1" x14ac:dyDescent="0.15">
      <c r="A54" s="6">
        <v>53</v>
      </c>
      <c r="B54" s="6" t="s">
        <v>419</v>
      </c>
      <c r="C54" s="6" t="s">
        <v>420</v>
      </c>
      <c r="D54" s="6"/>
      <c r="E54" s="6"/>
      <c r="F54" s="6"/>
      <c r="G54" s="9"/>
      <c r="H54" s="10">
        <v>27331</v>
      </c>
    </row>
    <row r="55" spans="1:8" ht="13.15" customHeight="1" x14ac:dyDescent="0.15">
      <c r="A55" s="6">
        <v>54</v>
      </c>
      <c r="B55" s="6" t="s">
        <v>983</v>
      </c>
      <c r="C55" s="6" t="s">
        <v>984</v>
      </c>
      <c r="D55" s="6"/>
      <c r="E55" s="6"/>
      <c r="F55" s="6"/>
      <c r="G55" s="9"/>
      <c r="H55" s="10">
        <v>27341</v>
      </c>
    </row>
    <row r="56" spans="1:8" ht="13.15" customHeight="1" x14ac:dyDescent="0.15">
      <c r="A56" s="6">
        <v>55</v>
      </c>
      <c r="B56" s="6" t="s">
        <v>281</v>
      </c>
      <c r="C56" s="6" t="s">
        <v>282</v>
      </c>
      <c r="D56" s="6"/>
      <c r="E56" s="6"/>
      <c r="F56" s="6"/>
      <c r="G56" s="9"/>
      <c r="H56" s="10">
        <v>27380</v>
      </c>
    </row>
    <row r="57" spans="1:8" ht="13.15" customHeight="1" x14ac:dyDescent="0.15">
      <c r="A57" s="6">
        <v>56</v>
      </c>
      <c r="B57" s="6" t="s">
        <v>249</v>
      </c>
      <c r="C57" s="6" t="s">
        <v>1087</v>
      </c>
      <c r="D57" s="6"/>
      <c r="E57" s="6"/>
      <c r="F57" s="6"/>
      <c r="G57" s="9"/>
      <c r="H57" s="10">
        <v>27422</v>
      </c>
    </row>
    <row r="58" spans="1:8" ht="13.15" customHeight="1" x14ac:dyDescent="0.15">
      <c r="A58" s="6">
        <v>57</v>
      </c>
      <c r="B58" s="6" t="s">
        <v>469</v>
      </c>
      <c r="C58" s="6" t="s">
        <v>471</v>
      </c>
      <c r="D58" s="6"/>
      <c r="E58" s="6"/>
      <c r="F58" s="6"/>
      <c r="G58" s="9"/>
      <c r="H58" s="10">
        <v>27450</v>
      </c>
    </row>
    <row r="59" spans="1:8" ht="13.15" customHeight="1" x14ac:dyDescent="0.15">
      <c r="A59" s="6">
        <v>58</v>
      </c>
      <c r="B59" s="6" t="s">
        <v>1085</v>
      </c>
      <c r="C59" s="6" t="s">
        <v>1086</v>
      </c>
      <c r="D59" s="6"/>
      <c r="E59" s="6"/>
      <c r="F59" s="6"/>
      <c r="G59" s="9"/>
      <c r="H59" s="10">
        <v>27484</v>
      </c>
    </row>
    <row r="60" spans="1:8" ht="13.15" customHeight="1" x14ac:dyDescent="0.15">
      <c r="A60" s="6">
        <v>59</v>
      </c>
      <c r="B60" s="6" t="s">
        <v>936</v>
      </c>
      <c r="C60" s="6" t="s">
        <v>937</v>
      </c>
      <c r="D60" s="6"/>
      <c r="E60" s="6"/>
      <c r="F60" s="6"/>
      <c r="G60" s="9"/>
      <c r="H60" s="10">
        <v>27514</v>
      </c>
    </row>
    <row r="61" spans="1:8" ht="13.15" customHeight="1" x14ac:dyDescent="0.15">
      <c r="A61" s="6">
        <v>60</v>
      </c>
      <c r="B61" s="6" t="s">
        <v>348</v>
      </c>
      <c r="C61" s="6" t="s">
        <v>349</v>
      </c>
      <c r="D61" s="6"/>
      <c r="E61" s="6"/>
      <c r="F61" s="6"/>
      <c r="G61" s="9"/>
      <c r="H61" s="10">
        <v>27568</v>
      </c>
    </row>
    <row r="62" spans="1:8" ht="13.15" customHeight="1" x14ac:dyDescent="0.15">
      <c r="A62" s="6">
        <v>61</v>
      </c>
      <c r="B62" s="6" t="s">
        <v>277</v>
      </c>
      <c r="C62" s="6" t="s">
        <v>278</v>
      </c>
      <c r="D62" s="6"/>
      <c r="E62" s="6"/>
      <c r="F62" s="6"/>
      <c r="G62" s="9"/>
      <c r="H62" s="10">
        <v>27624</v>
      </c>
    </row>
    <row r="63" spans="1:8" ht="13.15" customHeight="1" x14ac:dyDescent="0.15">
      <c r="A63" s="6">
        <v>62</v>
      </c>
      <c r="B63" s="6" t="s">
        <v>659</v>
      </c>
      <c r="C63" s="6" t="s">
        <v>660</v>
      </c>
      <c r="D63" s="6"/>
      <c r="E63" s="6"/>
      <c r="F63" s="6"/>
      <c r="G63" s="9"/>
      <c r="H63" s="10">
        <v>27643</v>
      </c>
    </row>
    <row r="64" spans="1:8" ht="13.15" customHeight="1" x14ac:dyDescent="0.15">
      <c r="A64" s="6">
        <v>63</v>
      </c>
      <c r="B64" s="6" t="s">
        <v>786</v>
      </c>
      <c r="C64" s="6" t="s">
        <v>787</v>
      </c>
      <c r="D64" s="6"/>
      <c r="E64" s="6"/>
      <c r="F64" s="6"/>
      <c r="G64" s="9"/>
      <c r="H64" s="10">
        <v>27731</v>
      </c>
    </row>
    <row r="65" spans="1:8" ht="13.15" customHeight="1" x14ac:dyDescent="0.15">
      <c r="A65" s="6">
        <v>64</v>
      </c>
      <c r="B65" s="6" t="s">
        <v>444</v>
      </c>
      <c r="C65" s="6" t="s">
        <v>445</v>
      </c>
      <c r="D65" s="6"/>
      <c r="E65" s="6"/>
      <c r="F65" s="6"/>
      <c r="G65" s="9"/>
      <c r="H65" s="10">
        <v>27877</v>
      </c>
    </row>
    <row r="66" spans="1:8" ht="13.15" customHeight="1" x14ac:dyDescent="0.15">
      <c r="A66" s="6">
        <v>65</v>
      </c>
      <c r="B66" s="6" t="s">
        <v>674</v>
      </c>
      <c r="C66" s="6" t="s">
        <v>675</v>
      </c>
      <c r="D66" s="6"/>
      <c r="E66" s="6"/>
      <c r="F66" s="6"/>
      <c r="G66" s="9"/>
      <c r="H66" s="10">
        <v>27984</v>
      </c>
    </row>
    <row r="67" spans="1:8" ht="13.15" customHeight="1" x14ac:dyDescent="0.15">
      <c r="A67" s="6">
        <v>66</v>
      </c>
      <c r="B67" s="6" t="s">
        <v>1079</v>
      </c>
      <c r="C67" s="6" t="s">
        <v>1105</v>
      </c>
      <c r="D67" s="6"/>
      <c r="E67" s="6"/>
      <c r="F67" s="6"/>
      <c r="G67" s="9"/>
      <c r="H67" s="10">
        <v>28025</v>
      </c>
    </row>
    <row r="68" spans="1:8" ht="13.15" customHeight="1" x14ac:dyDescent="0.15">
      <c r="A68" s="6">
        <v>67</v>
      </c>
      <c r="B68" s="6" t="s">
        <v>745</v>
      </c>
      <c r="C68" s="6" t="s">
        <v>746</v>
      </c>
      <c r="D68" s="6"/>
      <c r="E68" s="6"/>
      <c r="F68" s="6"/>
      <c r="G68" s="9"/>
      <c r="H68" s="10">
        <v>28096</v>
      </c>
    </row>
    <row r="69" spans="1:8" ht="13.15" customHeight="1" x14ac:dyDescent="0.15">
      <c r="A69" s="6">
        <v>68</v>
      </c>
      <c r="B69" s="6" t="s">
        <v>602</v>
      </c>
      <c r="C69" s="6" t="s">
        <v>603</v>
      </c>
      <c r="D69" s="6"/>
      <c r="E69" s="6"/>
      <c r="F69" s="6"/>
      <c r="G69" s="9"/>
      <c r="H69" s="10">
        <v>28255</v>
      </c>
    </row>
    <row r="70" spans="1:8" ht="13.15" customHeight="1" x14ac:dyDescent="0.15">
      <c r="A70" s="6">
        <v>69</v>
      </c>
      <c r="B70" s="6" t="s">
        <v>479</v>
      </c>
      <c r="C70" s="6" t="s">
        <v>480</v>
      </c>
      <c r="D70" s="6"/>
      <c r="E70" s="6"/>
      <c r="F70" s="6"/>
      <c r="G70" s="9"/>
      <c r="H70" s="10">
        <v>28388</v>
      </c>
    </row>
    <row r="71" spans="1:8" ht="13.15" customHeight="1" x14ac:dyDescent="0.15">
      <c r="A71" s="6">
        <v>70</v>
      </c>
      <c r="B71" s="6" t="s">
        <v>921</v>
      </c>
      <c r="C71" s="6" t="s">
        <v>922</v>
      </c>
      <c r="D71" s="6"/>
      <c r="E71" s="6"/>
      <c r="F71" s="6"/>
      <c r="G71" s="9"/>
      <c r="H71" s="10">
        <v>28388</v>
      </c>
    </row>
    <row r="72" spans="1:8" ht="13.15" customHeight="1" x14ac:dyDescent="0.15">
      <c r="A72" s="6">
        <v>71</v>
      </c>
      <c r="B72" s="6" t="s">
        <v>934</v>
      </c>
      <c r="C72" s="6" t="s">
        <v>935</v>
      </c>
      <c r="D72" s="6"/>
      <c r="E72" s="6"/>
      <c r="F72" s="6"/>
      <c r="G72" s="9"/>
      <c r="H72" s="10">
        <v>28425</v>
      </c>
    </row>
    <row r="73" spans="1:8" ht="13.15" customHeight="1" x14ac:dyDescent="0.15">
      <c r="A73" s="6">
        <v>72</v>
      </c>
      <c r="B73" s="6" t="s">
        <v>433</v>
      </c>
      <c r="C73" s="6" t="s">
        <v>434</v>
      </c>
      <c r="D73" s="6"/>
      <c r="E73" s="6"/>
      <c r="F73" s="6"/>
      <c r="G73" s="9"/>
      <c r="H73" s="10">
        <v>28462</v>
      </c>
    </row>
    <row r="74" spans="1:8" ht="13.15" customHeight="1" x14ac:dyDescent="0.15">
      <c r="A74" s="6">
        <v>73</v>
      </c>
      <c r="B74" s="6" t="s">
        <v>310</v>
      </c>
      <c r="C74" s="6" t="s">
        <v>311</v>
      </c>
      <c r="D74" s="6"/>
      <c r="E74" s="6"/>
      <c r="F74" s="6"/>
      <c r="G74" s="9"/>
      <c r="H74" s="10">
        <v>28608</v>
      </c>
    </row>
    <row r="75" spans="1:8" ht="13.15" customHeight="1" x14ac:dyDescent="0.15">
      <c r="A75" s="6">
        <v>74</v>
      </c>
      <c r="B75" s="6" t="s">
        <v>144</v>
      </c>
      <c r="C75" s="6" t="s">
        <v>1099</v>
      </c>
      <c r="D75" s="6"/>
      <c r="E75" s="6"/>
      <c r="F75" s="6"/>
      <c r="G75" s="9"/>
      <c r="H75" s="10">
        <v>28644</v>
      </c>
    </row>
    <row r="76" spans="1:8" ht="13.15" customHeight="1" x14ac:dyDescent="0.15">
      <c r="A76" s="6">
        <v>75</v>
      </c>
      <c r="B76" s="6" t="s">
        <v>461</v>
      </c>
      <c r="C76" s="6" t="s">
        <v>462</v>
      </c>
      <c r="D76" s="6"/>
      <c r="E76" s="6"/>
      <c r="F76" s="6"/>
      <c r="G76" s="9"/>
      <c r="H76" s="10">
        <v>28699</v>
      </c>
    </row>
    <row r="77" spans="1:8" ht="13.15" customHeight="1" x14ac:dyDescent="0.15">
      <c r="A77" s="6">
        <v>76</v>
      </c>
      <c r="B77" s="6" t="s">
        <v>421</v>
      </c>
      <c r="C77" s="6" t="s">
        <v>422</v>
      </c>
      <c r="D77" s="6"/>
      <c r="E77" s="6"/>
      <c r="F77" s="6"/>
      <c r="G77" s="9"/>
      <c r="H77" s="10">
        <v>28772</v>
      </c>
    </row>
    <row r="78" spans="1:8" ht="13.15" customHeight="1" x14ac:dyDescent="0.15">
      <c r="A78" s="6">
        <v>77</v>
      </c>
      <c r="B78" s="6" t="s">
        <v>423</v>
      </c>
      <c r="C78" s="6" t="s">
        <v>424</v>
      </c>
      <c r="D78" s="6"/>
      <c r="E78" s="6"/>
      <c r="F78" s="6"/>
      <c r="G78" s="9"/>
      <c r="H78" s="10">
        <v>28779</v>
      </c>
    </row>
    <row r="79" spans="1:8" ht="13.15" customHeight="1" x14ac:dyDescent="0.15">
      <c r="A79" s="6">
        <v>78</v>
      </c>
      <c r="B79" s="6" t="s">
        <v>614</v>
      </c>
      <c r="C79" s="6" t="s">
        <v>615</v>
      </c>
      <c r="D79" s="6"/>
      <c r="E79" s="6"/>
      <c r="F79" s="6"/>
      <c r="G79" s="9"/>
      <c r="H79" s="10">
        <v>28784</v>
      </c>
    </row>
    <row r="80" spans="1:8" ht="13.15" customHeight="1" x14ac:dyDescent="0.15">
      <c r="A80" s="6">
        <v>79</v>
      </c>
      <c r="B80" s="6" t="s">
        <v>304</v>
      </c>
      <c r="C80" s="6" t="s">
        <v>305</v>
      </c>
      <c r="D80" s="6"/>
      <c r="E80" s="6"/>
      <c r="F80" s="6"/>
      <c r="G80" s="9"/>
      <c r="H80" s="10">
        <v>28927</v>
      </c>
    </row>
    <row r="81" spans="1:8" ht="13.15" customHeight="1" x14ac:dyDescent="0.15">
      <c r="A81" s="6">
        <v>80</v>
      </c>
      <c r="B81" s="6" t="s">
        <v>425</v>
      </c>
      <c r="C81" s="6" t="s">
        <v>426</v>
      </c>
      <c r="D81" s="6"/>
      <c r="E81" s="6"/>
      <c r="F81" s="6"/>
      <c r="G81" s="9"/>
      <c r="H81" s="10">
        <v>28938</v>
      </c>
    </row>
    <row r="82" spans="1:8" ht="13.15" customHeight="1" x14ac:dyDescent="0.15">
      <c r="A82" s="6">
        <v>81</v>
      </c>
      <c r="B82" s="6" t="s">
        <v>124</v>
      </c>
      <c r="C82" s="6" t="s">
        <v>125</v>
      </c>
      <c r="D82" s="6"/>
      <c r="E82" s="6"/>
      <c r="F82" s="6"/>
      <c r="G82" s="9"/>
      <c r="H82" s="10">
        <v>28996</v>
      </c>
    </row>
    <row r="83" spans="1:8" ht="13.15" customHeight="1" x14ac:dyDescent="0.15">
      <c r="A83" s="6">
        <v>82</v>
      </c>
      <c r="B83" s="6" t="s">
        <v>345</v>
      </c>
      <c r="C83" s="6" t="s">
        <v>346</v>
      </c>
      <c r="D83" s="6"/>
      <c r="E83" s="6"/>
      <c r="F83" s="6"/>
      <c r="G83" s="9"/>
      <c r="H83" s="10">
        <v>29001</v>
      </c>
    </row>
    <row r="84" spans="1:8" ht="13.15" customHeight="1" x14ac:dyDescent="0.15">
      <c r="A84" s="6">
        <v>83</v>
      </c>
      <c r="B84" s="6" t="s">
        <v>360</v>
      </c>
      <c r="C84" s="6" t="s">
        <v>361</v>
      </c>
      <c r="D84" s="6"/>
      <c r="E84" s="6"/>
      <c r="F84" s="6"/>
      <c r="G84" s="9"/>
      <c r="H84" s="10">
        <v>29003</v>
      </c>
    </row>
    <row r="85" spans="1:8" ht="13.15" customHeight="1" x14ac:dyDescent="0.15">
      <c r="A85" s="6">
        <v>84</v>
      </c>
      <c r="B85" s="6" t="s">
        <v>1082</v>
      </c>
      <c r="C85" s="6" t="s">
        <v>1083</v>
      </c>
      <c r="D85" s="6"/>
      <c r="E85" s="6"/>
      <c r="F85" s="6"/>
      <c r="G85" s="9"/>
      <c r="H85" s="10">
        <v>29048</v>
      </c>
    </row>
    <row r="86" spans="1:8" ht="13.15" customHeight="1" x14ac:dyDescent="0.15">
      <c r="A86" s="6">
        <v>85</v>
      </c>
      <c r="B86" s="6" t="s">
        <v>588</v>
      </c>
      <c r="C86" s="6" t="s">
        <v>589</v>
      </c>
      <c r="D86" s="6"/>
      <c r="E86" s="6"/>
      <c r="F86" s="6"/>
      <c r="G86" s="9"/>
      <c r="H86" s="10">
        <v>29101</v>
      </c>
    </row>
    <row r="87" spans="1:8" ht="13.15" customHeight="1" x14ac:dyDescent="0.15">
      <c r="A87" s="6">
        <v>86</v>
      </c>
      <c r="B87" s="6" t="s">
        <v>559</v>
      </c>
      <c r="C87" s="6" t="s">
        <v>560</v>
      </c>
      <c r="D87" s="6"/>
      <c r="E87" s="6"/>
      <c r="F87" s="6"/>
      <c r="G87" s="9"/>
      <c r="H87" s="10">
        <v>29109</v>
      </c>
    </row>
    <row r="88" spans="1:8" ht="13.15" customHeight="1" x14ac:dyDescent="0.15">
      <c r="A88" s="6">
        <v>87</v>
      </c>
      <c r="B88" s="6" t="s">
        <v>796</v>
      </c>
      <c r="C88" s="6" t="s">
        <v>797</v>
      </c>
      <c r="D88" s="6"/>
      <c r="E88" s="6"/>
      <c r="F88" s="6"/>
      <c r="G88" s="9"/>
      <c r="H88" s="10">
        <v>29112</v>
      </c>
    </row>
    <row r="89" spans="1:8" ht="13.15" customHeight="1" x14ac:dyDescent="0.15">
      <c r="A89" s="6">
        <v>88</v>
      </c>
      <c r="B89" s="6" t="s">
        <v>750</v>
      </c>
      <c r="C89" s="6" t="s">
        <v>751</v>
      </c>
      <c r="D89" s="6"/>
      <c r="E89" s="6"/>
      <c r="F89" s="6"/>
      <c r="G89" s="9"/>
      <c r="H89" s="10">
        <v>29174</v>
      </c>
    </row>
    <row r="90" spans="1:8" ht="13.15" customHeight="1" x14ac:dyDescent="0.15">
      <c r="A90" s="6">
        <v>89</v>
      </c>
      <c r="B90" s="6" t="s">
        <v>107</v>
      </c>
      <c r="C90" s="6" t="s">
        <v>108</v>
      </c>
      <c r="D90" s="6"/>
      <c r="E90" s="6" t="s">
        <v>2688</v>
      </c>
      <c r="F90" s="6" t="s">
        <v>109</v>
      </c>
      <c r="G90" s="9"/>
      <c r="H90" s="10">
        <v>29210</v>
      </c>
    </row>
    <row r="91" spans="1:8" ht="13.15" customHeight="1" x14ac:dyDescent="0.15">
      <c r="A91" s="6">
        <v>90</v>
      </c>
      <c r="B91" s="6" t="s">
        <v>436</v>
      </c>
      <c r="C91" s="6" t="s">
        <v>437</v>
      </c>
      <c r="D91" s="6"/>
      <c r="E91" s="6"/>
      <c r="F91" s="6"/>
      <c r="G91" s="9"/>
      <c r="H91" s="10">
        <v>29402</v>
      </c>
    </row>
    <row r="92" spans="1:8" ht="13.15" customHeight="1" x14ac:dyDescent="0.15">
      <c r="A92" s="6">
        <v>91</v>
      </c>
      <c r="B92" s="6" t="s">
        <v>489</v>
      </c>
      <c r="C92" s="6" t="s">
        <v>490</v>
      </c>
      <c r="D92" s="6"/>
      <c r="E92" s="6"/>
      <c r="F92" s="6"/>
      <c r="G92" s="9"/>
      <c r="H92" s="10">
        <v>29427</v>
      </c>
    </row>
    <row r="93" spans="1:8" ht="13.15" customHeight="1" x14ac:dyDescent="0.15">
      <c r="A93" s="6">
        <v>92</v>
      </c>
      <c r="B93" s="6" t="s">
        <v>627</v>
      </c>
      <c r="C93" s="6" t="s">
        <v>628</v>
      </c>
      <c r="D93" s="6"/>
      <c r="E93" s="6"/>
      <c r="F93" s="6"/>
      <c r="G93" s="9"/>
      <c r="H93" s="10">
        <v>29440</v>
      </c>
    </row>
    <row r="94" spans="1:8" ht="13.15" customHeight="1" x14ac:dyDescent="0.15">
      <c r="A94" s="6">
        <v>93</v>
      </c>
      <c r="B94" s="6" t="s">
        <v>651</v>
      </c>
      <c r="C94" s="6" t="s">
        <v>652</v>
      </c>
      <c r="D94" s="6"/>
      <c r="E94" s="6"/>
      <c r="F94" s="6"/>
      <c r="G94" s="9"/>
      <c r="H94" s="10">
        <v>29442</v>
      </c>
    </row>
    <row r="95" spans="1:8" ht="13.15" customHeight="1" x14ac:dyDescent="0.15">
      <c r="A95" s="6">
        <v>94</v>
      </c>
      <c r="B95" s="6" t="s">
        <v>40</v>
      </c>
      <c r="C95" s="6" t="s">
        <v>41</v>
      </c>
      <c r="D95" s="6"/>
      <c r="E95" s="6"/>
      <c r="F95" s="6"/>
      <c r="G95" s="9"/>
      <c r="H95" s="10">
        <v>29453</v>
      </c>
    </row>
    <row r="96" spans="1:8" ht="13.15" customHeight="1" x14ac:dyDescent="0.15">
      <c r="A96" s="6">
        <v>95</v>
      </c>
      <c r="B96" s="6" t="s">
        <v>1103</v>
      </c>
      <c r="C96" s="6" t="s">
        <v>1104</v>
      </c>
      <c r="D96" s="6"/>
      <c r="E96" s="6"/>
      <c r="F96" s="6"/>
      <c r="G96" s="9"/>
      <c r="H96" s="10">
        <v>29455</v>
      </c>
    </row>
    <row r="97" spans="1:8" ht="13.15" customHeight="1" x14ac:dyDescent="0.15">
      <c r="A97" s="6">
        <v>96</v>
      </c>
      <c r="B97" s="6" t="s">
        <v>417</v>
      </c>
      <c r="C97" s="6" t="s">
        <v>418</v>
      </c>
      <c r="D97" s="6"/>
      <c r="E97" s="6"/>
      <c r="F97" s="6"/>
      <c r="G97" s="9"/>
      <c r="H97" s="10">
        <v>29459</v>
      </c>
    </row>
    <row r="98" spans="1:8" ht="13.15" customHeight="1" x14ac:dyDescent="0.15">
      <c r="A98" s="6">
        <v>97</v>
      </c>
      <c r="B98" s="6" t="s">
        <v>229</v>
      </c>
      <c r="C98" s="6" t="s">
        <v>228</v>
      </c>
      <c r="D98" s="6"/>
      <c r="E98" s="6"/>
      <c r="F98" s="6"/>
      <c r="G98" s="9"/>
      <c r="H98" s="10">
        <v>29481</v>
      </c>
    </row>
    <row r="99" spans="1:8" ht="13.15" customHeight="1" x14ac:dyDescent="0.15">
      <c r="A99" s="6">
        <v>98</v>
      </c>
      <c r="B99" s="6" t="s">
        <v>86</v>
      </c>
      <c r="C99" s="6" t="s">
        <v>87</v>
      </c>
      <c r="D99" s="6"/>
      <c r="E99" s="6"/>
      <c r="F99" s="6"/>
      <c r="G99" s="9"/>
      <c r="H99" s="10">
        <v>29516</v>
      </c>
    </row>
    <row r="100" spans="1:8" ht="13.15" customHeight="1" x14ac:dyDescent="0.15">
      <c r="A100" s="6">
        <v>99</v>
      </c>
      <c r="B100" s="6" t="s">
        <v>372</v>
      </c>
      <c r="C100" s="6" t="s">
        <v>373</v>
      </c>
      <c r="D100" s="6"/>
      <c r="E100" s="6"/>
      <c r="F100" s="6"/>
      <c r="G100" s="9"/>
      <c r="H100" s="10">
        <v>29564</v>
      </c>
    </row>
    <row r="101" spans="1:8" ht="13.15" customHeight="1" x14ac:dyDescent="0.15">
      <c r="A101" s="6">
        <v>100</v>
      </c>
      <c r="B101" s="6" t="s">
        <v>314</v>
      </c>
      <c r="C101" s="6" t="s">
        <v>315</v>
      </c>
      <c r="D101" s="6"/>
      <c r="E101" s="6"/>
      <c r="F101" s="6"/>
      <c r="G101" s="9"/>
      <c r="H101" s="10">
        <v>29640</v>
      </c>
    </row>
    <row r="102" spans="1:8" ht="13.15" customHeight="1" x14ac:dyDescent="0.15">
      <c r="A102" s="6">
        <v>101</v>
      </c>
      <c r="B102" s="6" t="s">
        <v>431</v>
      </c>
      <c r="C102" s="6" t="s">
        <v>432</v>
      </c>
      <c r="D102" s="6"/>
      <c r="E102" s="6"/>
      <c r="F102" s="6"/>
      <c r="G102" s="9"/>
      <c r="H102" s="10">
        <v>29741</v>
      </c>
    </row>
    <row r="103" spans="1:8" ht="13.15" customHeight="1" x14ac:dyDescent="0.15">
      <c r="A103" s="6">
        <v>102</v>
      </c>
      <c r="B103" s="6" t="s">
        <v>919</v>
      </c>
      <c r="C103" s="6" t="s">
        <v>920</v>
      </c>
      <c r="D103" s="6"/>
      <c r="E103" s="6"/>
      <c r="F103" s="6"/>
      <c r="G103" s="9"/>
      <c r="H103" s="10">
        <v>29768</v>
      </c>
    </row>
    <row r="104" spans="1:8" ht="13.15" customHeight="1" x14ac:dyDescent="0.15">
      <c r="A104" s="6">
        <v>103</v>
      </c>
      <c r="B104" s="6" t="s">
        <v>581</v>
      </c>
      <c r="C104" s="6" t="s">
        <v>582</v>
      </c>
      <c r="D104" s="6"/>
      <c r="E104" s="6"/>
      <c r="F104" s="6"/>
      <c r="G104" s="9"/>
      <c r="H104" s="10">
        <v>29811</v>
      </c>
    </row>
    <row r="105" spans="1:8" ht="13.15" customHeight="1" x14ac:dyDescent="0.15">
      <c r="A105" s="6">
        <v>104</v>
      </c>
      <c r="B105" s="6" t="s">
        <v>428</v>
      </c>
      <c r="C105" s="6" t="s">
        <v>429</v>
      </c>
      <c r="D105" s="6"/>
      <c r="E105" s="6"/>
      <c r="F105" s="6"/>
      <c r="G105" s="9"/>
      <c r="H105" s="10">
        <v>29865</v>
      </c>
    </row>
    <row r="106" spans="1:8" ht="13.15" customHeight="1" x14ac:dyDescent="0.15">
      <c r="A106" s="6">
        <v>105</v>
      </c>
      <c r="B106" s="6" t="s">
        <v>623</v>
      </c>
      <c r="C106" s="6" t="s">
        <v>982</v>
      </c>
      <c r="D106" s="6"/>
      <c r="E106" s="6"/>
      <c r="F106" s="6"/>
      <c r="G106" s="9"/>
      <c r="H106" s="10">
        <v>29880</v>
      </c>
    </row>
    <row r="107" spans="1:8" ht="13.15" customHeight="1" x14ac:dyDescent="0.15">
      <c r="A107" s="6">
        <v>106</v>
      </c>
      <c r="B107" s="6" t="s">
        <v>781</v>
      </c>
      <c r="C107" s="6" t="s">
        <v>782</v>
      </c>
      <c r="D107" s="6"/>
      <c r="E107" s="6"/>
      <c r="F107" s="6"/>
      <c r="G107" s="9"/>
      <c r="H107" s="10">
        <v>29890</v>
      </c>
    </row>
    <row r="108" spans="1:8" ht="13.15" customHeight="1" x14ac:dyDescent="0.15">
      <c r="A108" s="6">
        <v>107</v>
      </c>
      <c r="B108" s="6" t="s">
        <v>469</v>
      </c>
      <c r="C108" s="6" t="s">
        <v>470</v>
      </c>
      <c r="D108" s="6"/>
      <c r="E108" s="6"/>
      <c r="F108" s="6"/>
      <c r="G108" s="9"/>
      <c r="H108" s="10">
        <v>30044</v>
      </c>
    </row>
    <row r="109" spans="1:8" ht="13.15" customHeight="1" x14ac:dyDescent="0.15">
      <c r="A109" s="6">
        <v>108</v>
      </c>
      <c r="B109" s="6" t="s">
        <v>915</v>
      </c>
      <c r="C109" s="6" t="s">
        <v>916</v>
      </c>
      <c r="D109" s="6"/>
      <c r="E109" s="6"/>
      <c r="F109" s="6"/>
      <c r="G109" s="9"/>
      <c r="H109" s="10">
        <v>30119</v>
      </c>
    </row>
    <row r="110" spans="1:8" ht="13.15" customHeight="1" x14ac:dyDescent="0.15">
      <c r="A110" s="6">
        <v>109</v>
      </c>
      <c r="B110" s="6" t="s">
        <v>290</v>
      </c>
      <c r="C110" s="6" t="s">
        <v>291</v>
      </c>
      <c r="D110" s="6"/>
      <c r="E110" s="6"/>
      <c r="F110" s="6"/>
      <c r="G110" s="9"/>
      <c r="H110" s="10">
        <v>30121</v>
      </c>
    </row>
    <row r="111" spans="1:8" ht="13.15" customHeight="1" x14ac:dyDescent="0.15">
      <c r="A111" s="6">
        <v>110</v>
      </c>
      <c r="B111" s="6" t="s">
        <v>279</v>
      </c>
      <c r="C111" s="6" t="s">
        <v>280</v>
      </c>
      <c r="D111" s="6"/>
      <c r="E111" s="6"/>
      <c r="F111" s="6"/>
      <c r="G111" s="9"/>
      <c r="H111" s="10">
        <v>30153</v>
      </c>
    </row>
    <row r="112" spans="1:8" ht="13.15" customHeight="1" x14ac:dyDescent="0.15">
      <c r="A112" s="6">
        <v>111</v>
      </c>
      <c r="B112" s="6" t="s">
        <v>472</v>
      </c>
      <c r="C112" s="6" t="s">
        <v>473</v>
      </c>
      <c r="D112" s="6"/>
      <c r="E112" s="6"/>
      <c r="F112" s="6"/>
      <c r="G112" s="9"/>
      <c r="H112" s="10">
        <v>30197</v>
      </c>
    </row>
    <row r="113" spans="1:8" ht="13.15" customHeight="1" x14ac:dyDescent="0.15">
      <c r="A113" s="6">
        <v>112</v>
      </c>
      <c r="B113" s="6" t="s">
        <v>408</v>
      </c>
      <c r="C113" s="6" t="s">
        <v>409</v>
      </c>
      <c r="D113" s="6"/>
      <c r="E113" s="6" t="s">
        <v>2689</v>
      </c>
      <c r="F113" s="6" t="s">
        <v>93</v>
      </c>
      <c r="G113" s="9"/>
      <c r="H113" s="10">
        <v>30229</v>
      </c>
    </row>
    <row r="114" spans="1:8" ht="13.15" customHeight="1" x14ac:dyDescent="0.15">
      <c r="A114" s="6">
        <v>113</v>
      </c>
      <c r="B114" s="6" t="s">
        <v>756</v>
      </c>
      <c r="C114" s="6" t="s">
        <v>757</v>
      </c>
      <c r="D114" s="6"/>
      <c r="E114" s="6" t="s">
        <v>2690</v>
      </c>
      <c r="F114" s="6" t="s">
        <v>758</v>
      </c>
      <c r="G114" s="9"/>
      <c r="H114" s="10">
        <v>30280</v>
      </c>
    </row>
    <row r="115" spans="1:8" ht="13.15" customHeight="1" x14ac:dyDescent="0.15">
      <c r="A115" s="6">
        <v>114</v>
      </c>
      <c r="B115" s="6" t="s">
        <v>75</v>
      </c>
      <c r="C115" s="6" t="s">
        <v>76</v>
      </c>
      <c r="D115" s="6"/>
      <c r="E115" s="6"/>
      <c r="F115" s="6"/>
      <c r="G115" s="9"/>
      <c r="H115" s="10">
        <v>30376</v>
      </c>
    </row>
    <row r="116" spans="1:8" ht="13.15" customHeight="1" x14ac:dyDescent="0.15">
      <c r="A116" s="6">
        <v>115</v>
      </c>
      <c r="B116" s="6" t="s">
        <v>1077</v>
      </c>
      <c r="C116" s="6" t="s">
        <v>1078</v>
      </c>
      <c r="D116" s="6"/>
      <c r="E116" s="6"/>
      <c r="F116" s="6"/>
      <c r="G116" s="9"/>
      <c r="H116" s="10">
        <v>30392</v>
      </c>
    </row>
    <row r="117" spans="1:8" ht="13.15" customHeight="1" x14ac:dyDescent="0.15">
      <c r="A117" s="6">
        <v>116</v>
      </c>
      <c r="B117" s="6" t="s">
        <v>357</v>
      </c>
      <c r="C117" s="6" t="s">
        <v>358</v>
      </c>
      <c r="D117" s="6"/>
      <c r="E117" s="6"/>
      <c r="F117" s="6"/>
      <c r="G117" s="9"/>
      <c r="H117" s="10">
        <v>30468</v>
      </c>
    </row>
    <row r="118" spans="1:8" ht="13.15" customHeight="1" x14ac:dyDescent="0.15">
      <c r="A118" s="6">
        <v>117</v>
      </c>
      <c r="B118" s="6" t="s">
        <v>914</v>
      </c>
      <c r="C118" s="6" t="s">
        <v>2405</v>
      </c>
      <c r="D118" s="6"/>
      <c r="E118" s="6"/>
      <c r="F118" s="6"/>
      <c r="G118" s="9"/>
      <c r="H118" s="10">
        <v>30538</v>
      </c>
    </row>
    <row r="119" spans="1:8" ht="13.15" customHeight="1" x14ac:dyDescent="0.15">
      <c r="A119" s="6">
        <v>118</v>
      </c>
      <c r="B119" s="6" t="s">
        <v>486</v>
      </c>
      <c r="C119" s="6" t="s">
        <v>487</v>
      </c>
      <c r="D119" s="6"/>
      <c r="E119" s="6" t="s">
        <v>2691</v>
      </c>
      <c r="F119" s="6" t="s">
        <v>488</v>
      </c>
      <c r="G119" s="9"/>
      <c r="H119" s="10">
        <v>30560</v>
      </c>
    </row>
    <row r="120" spans="1:8" x14ac:dyDescent="0.15">
      <c r="A120" s="6">
        <v>119</v>
      </c>
      <c r="B120" s="6" t="s">
        <v>483</v>
      </c>
      <c r="C120" s="6" t="s">
        <v>484</v>
      </c>
      <c r="D120" s="6"/>
      <c r="E120" s="6"/>
      <c r="F120" s="6"/>
      <c r="G120" s="9"/>
      <c r="H120" s="10">
        <v>30571</v>
      </c>
    </row>
    <row r="121" spans="1:8" ht="13.15" customHeight="1" x14ac:dyDescent="0.15">
      <c r="A121" s="6">
        <v>120</v>
      </c>
      <c r="B121" s="6" t="s">
        <v>979</v>
      </c>
      <c r="C121" s="6" t="s">
        <v>980</v>
      </c>
      <c r="D121" s="6"/>
      <c r="E121" s="6"/>
      <c r="F121" s="6"/>
      <c r="G121" s="9"/>
      <c r="H121" s="10">
        <v>30581</v>
      </c>
    </row>
    <row r="122" spans="1:8" ht="13.15" customHeight="1" x14ac:dyDescent="0.15">
      <c r="A122" s="6">
        <v>121</v>
      </c>
      <c r="B122" s="6" t="s">
        <v>481</v>
      </c>
      <c r="C122" s="6" t="s">
        <v>482</v>
      </c>
      <c r="D122" s="6"/>
      <c r="E122" s="6"/>
      <c r="F122" s="6"/>
      <c r="G122" s="9"/>
      <c r="H122" s="10">
        <v>30590</v>
      </c>
    </row>
    <row r="123" spans="1:8" ht="13.15" customHeight="1" x14ac:dyDescent="0.15">
      <c r="A123" s="6">
        <v>122</v>
      </c>
      <c r="B123" s="6" t="s">
        <v>396</v>
      </c>
      <c r="C123" s="6" t="s">
        <v>397</v>
      </c>
      <c r="D123" s="6"/>
      <c r="E123" s="6"/>
      <c r="F123" s="6"/>
      <c r="G123" s="9"/>
      <c r="H123" s="10">
        <v>30603</v>
      </c>
    </row>
    <row r="124" spans="1:8" ht="13.15" customHeight="1" x14ac:dyDescent="0.15">
      <c r="A124" s="6">
        <v>123</v>
      </c>
      <c r="B124" s="6" t="s">
        <v>2889</v>
      </c>
      <c r="C124" s="6" t="s">
        <v>803</v>
      </c>
      <c r="D124" s="6"/>
      <c r="E124" s="6"/>
      <c r="F124" s="6"/>
      <c r="G124" s="9"/>
      <c r="H124" s="10">
        <v>30614</v>
      </c>
    </row>
    <row r="125" spans="1:8" ht="13.15" customHeight="1" x14ac:dyDescent="0.15">
      <c r="A125" s="6">
        <v>124</v>
      </c>
      <c r="B125" s="6" t="s">
        <v>388</v>
      </c>
      <c r="C125" s="6" t="s">
        <v>389</v>
      </c>
      <c r="D125" s="6"/>
      <c r="E125" s="6"/>
      <c r="F125" s="6"/>
      <c r="G125" s="9"/>
      <c r="H125" s="10">
        <v>30624</v>
      </c>
    </row>
    <row r="126" spans="1:8" ht="13.15" customHeight="1" x14ac:dyDescent="0.15">
      <c r="A126" s="6">
        <v>125</v>
      </c>
      <c r="B126" s="6" t="s">
        <v>1075</v>
      </c>
      <c r="C126" s="6" t="s">
        <v>1076</v>
      </c>
      <c r="D126" s="6"/>
      <c r="E126" s="6"/>
      <c r="F126" s="6"/>
      <c r="G126" s="9"/>
      <c r="H126" s="10">
        <v>30671</v>
      </c>
    </row>
    <row r="127" spans="1:8" ht="13.15" customHeight="1" x14ac:dyDescent="0.15">
      <c r="A127" s="6">
        <v>126</v>
      </c>
      <c r="B127" s="6" t="s">
        <v>450</v>
      </c>
      <c r="C127" s="6" t="s">
        <v>451</v>
      </c>
      <c r="D127" s="6"/>
      <c r="E127" s="6"/>
      <c r="F127" s="6"/>
      <c r="G127" s="9"/>
      <c r="H127" s="10">
        <v>30722</v>
      </c>
    </row>
    <row r="128" spans="1:8" ht="13.15" customHeight="1" x14ac:dyDescent="0.15">
      <c r="A128" s="6">
        <v>127</v>
      </c>
      <c r="B128" s="6" t="s">
        <v>448</v>
      </c>
      <c r="C128" s="6" t="s">
        <v>449</v>
      </c>
      <c r="D128" s="6"/>
      <c r="E128" s="6"/>
      <c r="F128" s="6"/>
      <c r="G128" s="9"/>
      <c r="H128" s="10">
        <v>30737</v>
      </c>
    </row>
    <row r="129" spans="1:8" ht="13.15" customHeight="1" x14ac:dyDescent="0.15">
      <c r="A129" s="6">
        <v>128</v>
      </c>
      <c r="B129" s="6" t="s">
        <v>257</v>
      </c>
      <c r="C129" s="6" t="s">
        <v>258</v>
      </c>
      <c r="D129" s="6"/>
      <c r="E129" s="6" t="s">
        <v>1844</v>
      </c>
      <c r="F129" s="6" t="s">
        <v>251</v>
      </c>
      <c r="G129" s="9"/>
      <c r="H129" s="10">
        <v>30775</v>
      </c>
    </row>
    <row r="130" spans="1:8" ht="13.15" customHeight="1" x14ac:dyDescent="0.15">
      <c r="A130" s="6">
        <v>129</v>
      </c>
      <c r="B130" s="6" t="s">
        <v>569</v>
      </c>
      <c r="C130" s="6" t="s">
        <v>570</v>
      </c>
      <c r="D130" s="6"/>
      <c r="E130" s="6"/>
      <c r="F130" s="6"/>
      <c r="G130" s="9"/>
      <c r="H130" s="10">
        <v>30856</v>
      </c>
    </row>
    <row r="131" spans="1:8" ht="13.15" customHeight="1" x14ac:dyDescent="0.15">
      <c r="A131" s="6">
        <v>130</v>
      </c>
      <c r="B131" s="6" t="s">
        <v>798</v>
      </c>
      <c r="C131" s="6" t="s">
        <v>799</v>
      </c>
      <c r="D131" s="6"/>
      <c r="E131" s="6"/>
      <c r="F131" s="6"/>
      <c r="G131" s="9"/>
      <c r="H131" s="10">
        <v>30900</v>
      </c>
    </row>
    <row r="132" spans="1:8" ht="13.15" customHeight="1" x14ac:dyDescent="0.15">
      <c r="A132" s="6">
        <v>131</v>
      </c>
      <c r="B132" s="6" t="s">
        <v>511</v>
      </c>
      <c r="C132" s="6" t="s">
        <v>512</v>
      </c>
      <c r="D132" s="6"/>
      <c r="E132" s="6" t="s">
        <v>2692</v>
      </c>
      <c r="F132" s="6" t="s">
        <v>512</v>
      </c>
      <c r="G132" s="9"/>
      <c r="H132" s="10">
        <v>30922</v>
      </c>
    </row>
    <row r="133" spans="1:8" ht="13.15" customHeight="1" x14ac:dyDescent="0.15">
      <c r="A133" s="6">
        <v>132</v>
      </c>
      <c r="B133" s="6" t="s">
        <v>747</v>
      </c>
      <c r="C133" s="6" t="s">
        <v>748</v>
      </c>
      <c r="D133" s="6"/>
      <c r="E133" s="6"/>
      <c r="F133" s="6"/>
      <c r="G133" s="9"/>
      <c r="H133" s="10">
        <v>30957</v>
      </c>
    </row>
    <row r="134" spans="1:8" x14ac:dyDescent="0.15">
      <c r="A134" s="6">
        <v>133</v>
      </c>
      <c r="B134" s="6" t="s">
        <v>731</v>
      </c>
      <c r="C134" s="6" t="s">
        <v>732</v>
      </c>
      <c r="D134" s="6"/>
      <c r="E134" s="6"/>
      <c r="F134" s="6"/>
      <c r="G134" s="9"/>
      <c r="H134" s="10">
        <v>30966</v>
      </c>
    </row>
    <row r="135" spans="1:8" ht="13.15" customHeight="1" x14ac:dyDescent="0.15">
      <c r="A135" s="6">
        <v>134</v>
      </c>
      <c r="B135" s="6" t="s">
        <v>709</v>
      </c>
      <c r="C135" s="6" t="s">
        <v>710</v>
      </c>
      <c r="D135" s="6"/>
      <c r="E135" s="6"/>
      <c r="F135" s="6"/>
      <c r="G135" s="9"/>
      <c r="H135" s="10">
        <v>31132</v>
      </c>
    </row>
    <row r="136" spans="1:8" ht="13.15" customHeight="1" x14ac:dyDescent="0.15">
      <c r="A136" s="6">
        <v>135</v>
      </c>
      <c r="B136" s="6" t="s">
        <v>394</v>
      </c>
      <c r="C136" s="6" t="s">
        <v>395</v>
      </c>
      <c r="D136" s="6"/>
      <c r="E136" s="6"/>
      <c r="F136" s="6"/>
      <c r="G136" s="9"/>
      <c r="H136" s="10">
        <v>31133</v>
      </c>
    </row>
    <row r="137" spans="1:8" ht="13.15" customHeight="1" x14ac:dyDescent="0.15">
      <c r="A137" s="6">
        <v>136</v>
      </c>
      <c r="B137" s="6" t="s">
        <v>326</v>
      </c>
      <c r="C137" s="6" t="s">
        <v>327</v>
      </c>
      <c r="D137" s="6"/>
      <c r="E137" s="6"/>
      <c r="F137" s="6"/>
      <c r="G137" s="9"/>
      <c r="H137" s="10">
        <v>31160</v>
      </c>
    </row>
    <row r="138" spans="1:8" ht="13.15" customHeight="1" x14ac:dyDescent="0.15">
      <c r="A138" s="6">
        <v>137</v>
      </c>
      <c r="B138" s="6" t="s">
        <v>255</v>
      </c>
      <c r="C138" s="6" t="s">
        <v>256</v>
      </c>
      <c r="D138" s="6"/>
      <c r="E138" s="6" t="s">
        <v>1844</v>
      </c>
      <c r="F138" s="6" t="s">
        <v>251</v>
      </c>
      <c r="G138" s="9"/>
      <c r="H138" s="10">
        <v>31163</v>
      </c>
    </row>
    <row r="139" spans="1:8" ht="13.15" customHeight="1" x14ac:dyDescent="0.15">
      <c r="A139" s="6">
        <v>138</v>
      </c>
      <c r="B139" s="6" t="s">
        <v>737</v>
      </c>
      <c r="C139" s="6" t="s">
        <v>738</v>
      </c>
      <c r="D139" s="6"/>
      <c r="E139" s="6"/>
      <c r="F139" s="6"/>
      <c r="G139" s="9"/>
      <c r="H139" s="10">
        <v>31168</v>
      </c>
    </row>
    <row r="140" spans="1:8" ht="13.15" customHeight="1" x14ac:dyDescent="0.15">
      <c r="A140" s="6">
        <v>139</v>
      </c>
      <c r="B140" s="6" t="s">
        <v>442</v>
      </c>
      <c r="C140" s="6" t="s">
        <v>443</v>
      </c>
      <c r="D140" s="6"/>
      <c r="E140" s="6"/>
      <c r="F140" s="6"/>
      <c r="G140" s="9"/>
      <c r="H140" s="10">
        <v>31183</v>
      </c>
    </row>
    <row r="141" spans="1:8" ht="13.15" customHeight="1" x14ac:dyDescent="0.15">
      <c r="A141" s="6">
        <v>140</v>
      </c>
      <c r="B141" s="6" t="s">
        <v>354</v>
      </c>
      <c r="C141" s="6" t="s">
        <v>2422</v>
      </c>
      <c r="D141" s="6"/>
      <c r="E141" s="6"/>
      <c r="F141" s="6"/>
      <c r="G141" s="9"/>
      <c r="H141" s="10">
        <v>31243</v>
      </c>
    </row>
    <row r="142" spans="1:8" ht="13.15" customHeight="1" x14ac:dyDescent="0.15">
      <c r="A142" s="6">
        <v>141</v>
      </c>
      <c r="B142" s="6" t="s">
        <v>2586</v>
      </c>
      <c r="C142" s="6" t="s">
        <v>435</v>
      </c>
      <c r="D142" s="6"/>
      <c r="E142" s="6"/>
      <c r="F142" s="6"/>
      <c r="G142" s="9"/>
      <c r="H142" s="10">
        <v>31258</v>
      </c>
    </row>
    <row r="143" spans="1:8" ht="13.15" customHeight="1" x14ac:dyDescent="0.15">
      <c r="A143" s="6">
        <v>142</v>
      </c>
      <c r="B143" s="6" t="s">
        <v>912</v>
      </c>
      <c r="C143" s="6" t="s">
        <v>913</v>
      </c>
      <c r="D143" s="6"/>
      <c r="E143" s="6"/>
      <c r="F143" s="6"/>
      <c r="G143" s="9"/>
      <c r="H143" s="10">
        <v>31318</v>
      </c>
    </row>
    <row r="144" spans="1:8" ht="13.15" customHeight="1" x14ac:dyDescent="0.15">
      <c r="A144" s="6">
        <v>143</v>
      </c>
      <c r="B144" s="6" t="s">
        <v>977</v>
      </c>
      <c r="C144" s="6" t="s">
        <v>978</v>
      </c>
      <c r="D144" s="6"/>
      <c r="E144" s="6"/>
      <c r="F144" s="6"/>
      <c r="G144" s="9"/>
      <c r="H144" s="10">
        <v>31425</v>
      </c>
    </row>
    <row r="145" spans="1:8" ht="13.15" customHeight="1" x14ac:dyDescent="0.15">
      <c r="A145" s="6">
        <v>144</v>
      </c>
      <c r="B145" s="6" t="s">
        <v>520</v>
      </c>
      <c r="C145" s="6" t="s">
        <v>521</v>
      </c>
      <c r="D145" s="6"/>
      <c r="E145" s="6"/>
      <c r="F145" s="6"/>
      <c r="G145" s="9"/>
      <c r="H145" s="10">
        <v>31477</v>
      </c>
    </row>
    <row r="146" spans="1:8" ht="13.15" customHeight="1" x14ac:dyDescent="0.15">
      <c r="A146" s="6">
        <v>145</v>
      </c>
      <c r="B146" s="6" t="s">
        <v>759</v>
      </c>
      <c r="C146" s="6" t="s">
        <v>760</v>
      </c>
      <c r="D146" s="6"/>
      <c r="E146" s="6"/>
      <c r="F146" s="6"/>
      <c r="G146" s="9"/>
      <c r="H146" s="10">
        <v>31503</v>
      </c>
    </row>
    <row r="147" spans="1:8" ht="13.15" customHeight="1" x14ac:dyDescent="0.15">
      <c r="A147" s="6">
        <v>146</v>
      </c>
      <c r="B147" s="6" t="s">
        <v>465</v>
      </c>
      <c r="C147" s="6" t="s">
        <v>466</v>
      </c>
      <c r="D147" s="6"/>
      <c r="E147" s="6"/>
      <c r="F147" s="6"/>
      <c r="G147" s="9"/>
      <c r="H147" s="10">
        <v>31547</v>
      </c>
    </row>
    <row r="148" spans="1:8" ht="13.15" customHeight="1" x14ac:dyDescent="0.15">
      <c r="A148" s="6">
        <v>147</v>
      </c>
      <c r="B148" s="6" t="s">
        <v>557</v>
      </c>
      <c r="C148" s="6" t="s">
        <v>558</v>
      </c>
      <c r="D148" s="6"/>
      <c r="E148" s="6"/>
      <c r="F148" s="6"/>
      <c r="G148" s="9"/>
      <c r="H148" s="10">
        <v>31554</v>
      </c>
    </row>
    <row r="149" spans="1:8" ht="13.15" customHeight="1" x14ac:dyDescent="0.15">
      <c r="A149" s="6">
        <v>148</v>
      </c>
      <c r="B149" s="6" t="s">
        <v>312</v>
      </c>
      <c r="C149" s="6" t="s">
        <v>313</v>
      </c>
      <c r="D149" s="6"/>
      <c r="E149" s="6"/>
      <c r="F149" s="6"/>
      <c r="G149" s="9"/>
      <c r="H149" s="10">
        <v>31555</v>
      </c>
    </row>
    <row r="150" spans="1:8" ht="13.15" customHeight="1" x14ac:dyDescent="0.15">
      <c r="A150" s="6">
        <v>149</v>
      </c>
      <c r="B150" s="6" t="s">
        <v>1072</v>
      </c>
      <c r="C150" s="6" t="s">
        <v>1073</v>
      </c>
      <c r="D150" s="6"/>
      <c r="E150" s="6"/>
      <c r="F150" s="6"/>
      <c r="G150" s="9"/>
      <c r="H150" s="10">
        <v>31583</v>
      </c>
    </row>
    <row r="151" spans="1:8" ht="13.15" customHeight="1" x14ac:dyDescent="0.15">
      <c r="A151" s="6">
        <v>150</v>
      </c>
      <c r="B151" s="6" t="s">
        <v>507</v>
      </c>
      <c r="C151" s="6" t="s">
        <v>508</v>
      </c>
      <c r="D151" s="6"/>
      <c r="E151" s="6"/>
      <c r="F151" s="6"/>
      <c r="G151" s="9"/>
      <c r="H151" s="10">
        <v>31611</v>
      </c>
    </row>
    <row r="152" spans="1:8" ht="13.15" customHeight="1" x14ac:dyDescent="0.15">
      <c r="A152" s="6">
        <v>151</v>
      </c>
      <c r="B152" s="6" t="s">
        <v>631</v>
      </c>
      <c r="C152" s="6" t="s">
        <v>1070</v>
      </c>
      <c r="D152" s="6"/>
      <c r="E152" s="6"/>
      <c r="F152" s="6"/>
      <c r="G152" s="9"/>
      <c r="H152" s="10">
        <v>31617</v>
      </c>
    </row>
    <row r="153" spans="1:8" ht="13.15" customHeight="1" x14ac:dyDescent="0.15">
      <c r="A153" s="6">
        <v>152</v>
      </c>
      <c r="B153" s="6" t="s">
        <v>2893</v>
      </c>
      <c r="C153" s="6" t="s">
        <v>67</v>
      </c>
      <c r="D153" s="6"/>
      <c r="E153" s="6" t="s">
        <v>2726</v>
      </c>
      <c r="F153" s="6" t="s">
        <v>66</v>
      </c>
      <c r="G153" s="9"/>
      <c r="H153" s="10">
        <v>31657</v>
      </c>
    </row>
    <row r="154" spans="1:8" ht="13.15" customHeight="1" x14ac:dyDescent="0.15">
      <c r="A154" s="6">
        <v>153</v>
      </c>
      <c r="B154" s="6" t="s">
        <v>1068</v>
      </c>
      <c r="C154" s="6" t="s">
        <v>1069</v>
      </c>
      <c r="D154" s="6"/>
      <c r="E154" s="6"/>
      <c r="F154" s="6"/>
      <c r="G154" s="9"/>
      <c r="H154" s="10">
        <v>31665</v>
      </c>
    </row>
    <row r="155" spans="1:8" ht="13.15" customHeight="1" x14ac:dyDescent="0.15">
      <c r="A155" s="6">
        <v>154</v>
      </c>
      <c r="B155" s="6" t="s">
        <v>600</v>
      </c>
      <c r="C155" s="6" t="s">
        <v>601</v>
      </c>
      <c r="D155" s="6"/>
      <c r="E155" s="6"/>
      <c r="F155" s="6"/>
      <c r="G155" s="9"/>
      <c r="H155" s="10">
        <v>31686</v>
      </c>
    </row>
    <row r="156" spans="1:8" ht="13.15" customHeight="1" x14ac:dyDescent="0.15">
      <c r="A156" s="6">
        <v>155</v>
      </c>
      <c r="B156" s="6" t="s">
        <v>794</v>
      </c>
      <c r="C156" s="6" t="s">
        <v>795</v>
      </c>
      <c r="D156" s="6"/>
      <c r="E156" s="6"/>
      <c r="F156" s="6"/>
      <c r="G156" s="9"/>
      <c r="H156" s="10">
        <v>31716</v>
      </c>
    </row>
    <row r="157" spans="1:8" ht="13.15" customHeight="1" x14ac:dyDescent="0.15">
      <c r="A157" s="6">
        <v>156</v>
      </c>
      <c r="B157" s="6" t="s">
        <v>699</v>
      </c>
      <c r="C157" s="6" t="s">
        <v>700</v>
      </c>
      <c r="D157" s="6"/>
      <c r="E157" s="6"/>
      <c r="F157" s="6"/>
      <c r="G157" s="9"/>
      <c r="H157" s="10">
        <v>31724</v>
      </c>
    </row>
    <row r="158" spans="1:8" x14ac:dyDescent="0.15">
      <c r="A158" s="6">
        <v>157</v>
      </c>
      <c r="B158" s="6" t="s">
        <v>494</v>
      </c>
      <c r="C158" s="6" t="s">
        <v>495</v>
      </c>
      <c r="D158" s="6"/>
      <c r="E158" s="6"/>
      <c r="F158" s="6"/>
      <c r="G158" s="9"/>
      <c r="H158" s="10">
        <v>31748</v>
      </c>
    </row>
    <row r="159" spans="1:8" ht="13.15" customHeight="1" x14ac:dyDescent="0.15">
      <c r="A159" s="6">
        <v>158</v>
      </c>
      <c r="B159" s="6" t="s">
        <v>546</v>
      </c>
      <c r="C159" s="6" t="s">
        <v>547</v>
      </c>
      <c r="D159" s="6"/>
      <c r="E159" s="6"/>
      <c r="F159" s="6"/>
      <c r="G159" s="9"/>
      <c r="H159" s="10">
        <v>31762</v>
      </c>
    </row>
    <row r="160" spans="1:8" ht="13.15" customHeight="1" x14ac:dyDescent="0.15">
      <c r="A160" s="6">
        <v>159</v>
      </c>
      <c r="B160" s="6" t="s">
        <v>316</v>
      </c>
      <c r="C160" s="6" t="s">
        <v>317</v>
      </c>
      <c r="D160" s="6"/>
      <c r="E160" s="6"/>
      <c r="F160" s="6"/>
      <c r="G160" s="9"/>
      <c r="H160" s="10">
        <v>31766</v>
      </c>
    </row>
    <row r="161" spans="1:8" ht="13.15" customHeight="1" x14ac:dyDescent="0.15">
      <c r="A161" s="6">
        <v>160</v>
      </c>
      <c r="B161" s="6" t="s">
        <v>553</v>
      </c>
      <c r="C161" s="6" t="s">
        <v>554</v>
      </c>
      <c r="D161" s="6"/>
      <c r="E161" s="6"/>
      <c r="F161" s="6"/>
      <c r="G161" s="9"/>
      <c r="H161" s="10">
        <v>31872</v>
      </c>
    </row>
    <row r="162" spans="1:8" ht="13.15" customHeight="1" x14ac:dyDescent="0.15">
      <c r="A162" s="6">
        <v>161</v>
      </c>
      <c r="B162" s="6" t="s">
        <v>463</v>
      </c>
      <c r="C162" s="6" t="s">
        <v>464</v>
      </c>
      <c r="D162" s="6"/>
      <c r="E162" s="6"/>
      <c r="F162" s="6"/>
      <c r="G162" s="9"/>
      <c r="H162" s="10">
        <v>31885</v>
      </c>
    </row>
    <row r="163" spans="1:8" x14ac:dyDescent="0.15">
      <c r="A163" s="6">
        <v>162</v>
      </c>
      <c r="B163" s="6" t="s">
        <v>264</v>
      </c>
      <c r="C163" s="6" t="s">
        <v>265</v>
      </c>
      <c r="D163" s="6"/>
      <c r="E163" s="6"/>
      <c r="F163" s="6"/>
      <c r="G163" s="9"/>
      <c r="H163" s="10">
        <v>31888</v>
      </c>
    </row>
    <row r="164" spans="1:8" ht="13.15" customHeight="1" x14ac:dyDescent="0.15">
      <c r="A164" s="6">
        <v>163</v>
      </c>
      <c r="B164" s="6" t="s">
        <v>739</v>
      </c>
      <c r="C164" s="6" t="s">
        <v>740</v>
      </c>
      <c r="D164" s="6"/>
      <c r="E164" s="6"/>
      <c r="F164" s="6"/>
      <c r="G164" s="9"/>
      <c r="H164" s="10">
        <v>31902</v>
      </c>
    </row>
    <row r="165" spans="1:8" ht="13.15" customHeight="1" x14ac:dyDescent="0.15">
      <c r="A165" s="6">
        <v>164</v>
      </c>
      <c r="B165" s="6" t="s">
        <v>405</v>
      </c>
      <c r="C165" s="6" t="s">
        <v>406</v>
      </c>
      <c r="D165" s="6"/>
      <c r="E165" s="6"/>
      <c r="F165" s="6"/>
      <c r="G165" s="9"/>
      <c r="H165" s="10">
        <v>31911</v>
      </c>
    </row>
    <row r="166" spans="1:8" ht="13.15" customHeight="1" x14ac:dyDescent="0.15">
      <c r="A166" s="6">
        <v>165</v>
      </c>
      <c r="B166" s="6" t="s">
        <v>908</v>
      </c>
      <c r="C166" s="6" t="s">
        <v>909</v>
      </c>
      <c r="D166" s="6"/>
      <c r="E166" s="6"/>
      <c r="F166" s="6"/>
      <c r="G166" s="9"/>
      <c r="H166" s="10">
        <v>31951</v>
      </c>
    </row>
    <row r="167" spans="1:8" ht="13.15" customHeight="1" x14ac:dyDescent="0.15">
      <c r="A167" s="6">
        <v>166</v>
      </c>
      <c r="B167" s="6" t="s">
        <v>272</v>
      </c>
      <c r="C167" s="6" t="s">
        <v>273</v>
      </c>
      <c r="D167" s="6"/>
      <c r="E167" s="6"/>
      <c r="F167" s="6"/>
      <c r="G167" s="9"/>
      <c r="H167" s="10">
        <v>31968</v>
      </c>
    </row>
    <row r="168" spans="1:8" ht="13.15" customHeight="1" x14ac:dyDescent="0.15">
      <c r="A168" s="6">
        <v>167</v>
      </c>
      <c r="B168" s="6" t="s">
        <v>609</v>
      </c>
      <c r="C168" s="6" t="s">
        <v>610</v>
      </c>
      <c r="D168" s="6"/>
      <c r="E168" s="6"/>
      <c r="F168" s="6"/>
      <c r="G168" s="9"/>
      <c r="H168" s="10">
        <v>31986</v>
      </c>
    </row>
    <row r="169" spans="1:8" ht="13.15" customHeight="1" x14ac:dyDescent="0.15">
      <c r="A169" s="6">
        <v>168</v>
      </c>
      <c r="B169" s="6" t="s">
        <v>529</v>
      </c>
      <c r="C169" s="6" t="s">
        <v>530</v>
      </c>
      <c r="D169" s="6"/>
      <c r="E169" s="6"/>
      <c r="F169" s="6"/>
      <c r="G169" s="9"/>
      <c r="H169" s="10">
        <v>31995</v>
      </c>
    </row>
    <row r="170" spans="1:8" ht="13.15" customHeight="1" x14ac:dyDescent="0.15">
      <c r="A170" s="6">
        <v>169</v>
      </c>
      <c r="B170" s="6" t="s">
        <v>669</v>
      </c>
      <c r="C170" s="6" t="s">
        <v>670</v>
      </c>
      <c r="D170" s="6"/>
      <c r="E170" s="6"/>
      <c r="F170" s="6"/>
      <c r="G170" s="9"/>
      <c r="H170" s="10">
        <v>32082</v>
      </c>
    </row>
    <row r="171" spans="1:8" x14ac:dyDescent="0.15">
      <c r="A171" s="6">
        <v>170</v>
      </c>
      <c r="B171" s="6" t="s">
        <v>492</v>
      </c>
      <c r="C171" s="6" t="s">
        <v>493</v>
      </c>
      <c r="D171" s="6"/>
      <c r="E171" s="6"/>
      <c r="F171" s="6"/>
      <c r="G171" s="9"/>
      <c r="H171" s="10">
        <v>32095</v>
      </c>
    </row>
    <row r="172" spans="1:8" ht="13.15" customHeight="1" x14ac:dyDescent="0.15">
      <c r="A172" s="6">
        <v>171</v>
      </c>
      <c r="B172" s="6" t="s">
        <v>226</v>
      </c>
      <c r="C172" s="6" t="s">
        <v>227</v>
      </c>
      <c r="D172" s="6"/>
      <c r="E172" s="6"/>
      <c r="F172" s="6"/>
      <c r="G172" s="9"/>
      <c r="H172" s="10">
        <v>32103</v>
      </c>
    </row>
    <row r="173" spans="1:8" ht="13.15" customHeight="1" x14ac:dyDescent="0.15">
      <c r="A173" s="6">
        <v>172</v>
      </c>
      <c r="B173" s="6" t="s">
        <v>906</v>
      </c>
      <c r="C173" s="6" t="s">
        <v>907</v>
      </c>
      <c r="D173" s="6"/>
      <c r="E173" s="6"/>
      <c r="F173" s="6"/>
      <c r="G173" s="9"/>
      <c r="H173" s="10">
        <v>32136</v>
      </c>
    </row>
    <row r="174" spans="1:8" ht="13.15" customHeight="1" x14ac:dyDescent="0.15">
      <c r="A174" s="6">
        <v>173</v>
      </c>
      <c r="B174" s="6" t="s">
        <v>112</v>
      </c>
      <c r="C174" s="6" t="s">
        <v>113</v>
      </c>
      <c r="D174" s="6"/>
      <c r="E174" s="6"/>
      <c r="F174" s="6"/>
      <c r="G174" s="9"/>
      <c r="H174" s="10">
        <v>32233</v>
      </c>
    </row>
    <row r="175" spans="1:8" ht="13.15" customHeight="1" x14ac:dyDescent="0.15">
      <c r="A175" s="6">
        <v>174</v>
      </c>
      <c r="B175" s="6" t="s">
        <v>754</v>
      </c>
      <c r="C175" s="6" t="s">
        <v>755</v>
      </c>
      <c r="D175" s="6"/>
      <c r="E175" s="6"/>
      <c r="F175" s="6"/>
      <c r="G175" s="9"/>
      <c r="H175" s="10">
        <v>32323</v>
      </c>
    </row>
    <row r="176" spans="1:8" ht="13.15" customHeight="1" x14ac:dyDescent="0.15">
      <c r="A176" s="6">
        <v>175</v>
      </c>
      <c r="B176" s="6" t="s">
        <v>446</v>
      </c>
      <c r="C176" s="6" t="s">
        <v>447</v>
      </c>
      <c r="D176" s="6"/>
      <c r="E176" s="6"/>
      <c r="F176" s="6"/>
      <c r="G176" s="9"/>
      <c r="H176" s="10">
        <v>32326</v>
      </c>
    </row>
    <row r="177" spans="1:8" ht="13.15" customHeight="1" x14ac:dyDescent="0.15">
      <c r="A177" s="6">
        <v>176</v>
      </c>
      <c r="B177" s="6" t="s">
        <v>307</v>
      </c>
      <c r="C177" s="6" t="s">
        <v>975</v>
      </c>
      <c r="D177" s="6"/>
      <c r="E177" s="6"/>
      <c r="F177" s="6"/>
      <c r="G177" s="9"/>
      <c r="H177" s="10">
        <v>32335</v>
      </c>
    </row>
    <row r="178" spans="1:8" ht="13.15" customHeight="1" x14ac:dyDescent="0.15">
      <c r="A178" s="6">
        <v>177</v>
      </c>
      <c r="B178" s="6" t="s">
        <v>784</v>
      </c>
      <c r="C178" s="6" t="s">
        <v>785</v>
      </c>
      <c r="D178" s="6"/>
      <c r="E178" s="6"/>
      <c r="F178" s="6"/>
      <c r="G178" s="9"/>
      <c r="H178" s="10">
        <v>32339</v>
      </c>
    </row>
    <row r="179" spans="1:8" ht="13.15" customHeight="1" x14ac:dyDescent="0.15">
      <c r="A179" s="6">
        <v>178</v>
      </c>
      <c r="B179" s="6" t="s">
        <v>1265</v>
      </c>
      <c r="C179" s="6" t="s">
        <v>1266</v>
      </c>
      <c r="D179" s="6"/>
      <c r="E179" s="6"/>
      <c r="F179" s="6"/>
      <c r="G179" s="9"/>
      <c r="H179" s="10">
        <v>32406</v>
      </c>
    </row>
    <row r="180" spans="1:8" ht="13.15" customHeight="1" x14ac:dyDescent="0.15">
      <c r="A180" s="6">
        <v>179</v>
      </c>
      <c r="B180" s="6" t="s">
        <v>245</v>
      </c>
      <c r="C180" s="6" t="s">
        <v>246</v>
      </c>
      <c r="D180" s="6"/>
      <c r="E180" s="6"/>
      <c r="F180" s="6"/>
      <c r="G180" s="9"/>
      <c r="H180" s="10">
        <v>32414</v>
      </c>
    </row>
    <row r="181" spans="1:8" ht="13.15" customHeight="1" x14ac:dyDescent="0.15">
      <c r="A181" s="6">
        <v>180</v>
      </c>
      <c r="B181" s="6" t="s">
        <v>180</v>
      </c>
      <c r="C181" s="6" t="s">
        <v>181</v>
      </c>
      <c r="D181" s="6"/>
      <c r="E181" s="6"/>
      <c r="F181" s="6"/>
      <c r="G181" s="9"/>
      <c r="H181" s="10">
        <v>32441</v>
      </c>
    </row>
    <row r="182" spans="1:8" ht="13.15" customHeight="1" x14ac:dyDescent="0.15">
      <c r="A182" s="6">
        <v>181</v>
      </c>
      <c r="B182" s="6" t="s">
        <v>158</v>
      </c>
      <c r="C182" s="6" t="s">
        <v>159</v>
      </c>
      <c r="D182" s="6"/>
      <c r="E182" s="6"/>
      <c r="F182" s="6"/>
      <c r="G182" s="9"/>
      <c r="H182" s="10">
        <v>32448</v>
      </c>
    </row>
    <row r="183" spans="1:8" ht="13.15" customHeight="1" x14ac:dyDescent="0.15">
      <c r="A183" s="6">
        <v>182</v>
      </c>
      <c r="B183" s="6" t="s">
        <v>242</v>
      </c>
      <c r="C183" s="6" t="s">
        <v>243</v>
      </c>
      <c r="D183" s="6"/>
      <c r="E183" s="6"/>
      <c r="F183" s="6"/>
      <c r="G183" s="9"/>
      <c r="H183" s="10">
        <v>32448</v>
      </c>
    </row>
    <row r="184" spans="1:8" ht="13.15" customHeight="1" x14ac:dyDescent="0.15">
      <c r="A184" s="6">
        <v>183</v>
      </c>
      <c r="B184" s="6" t="s">
        <v>91</v>
      </c>
      <c r="C184" s="6" t="s">
        <v>92</v>
      </c>
      <c r="D184" s="6"/>
      <c r="E184" s="6" t="s">
        <v>2689</v>
      </c>
      <c r="F184" s="6" t="s">
        <v>93</v>
      </c>
      <c r="G184" s="9"/>
      <c r="H184" s="10">
        <v>32512</v>
      </c>
    </row>
    <row r="185" spans="1:8" ht="13.15" customHeight="1" x14ac:dyDescent="0.15">
      <c r="A185" s="6">
        <v>184</v>
      </c>
      <c r="B185" s="6" t="s">
        <v>585</v>
      </c>
      <c r="C185" s="6" t="s">
        <v>586</v>
      </c>
      <c r="D185" s="6"/>
      <c r="E185" s="6"/>
      <c r="F185" s="6"/>
      <c r="G185" s="9"/>
      <c r="H185" s="10">
        <v>32532</v>
      </c>
    </row>
    <row r="186" spans="1:8" ht="13.15" customHeight="1" x14ac:dyDescent="0.15">
      <c r="A186" s="6">
        <v>185</v>
      </c>
      <c r="B186" s="6" t="s">
        <v>672</v>
      </c>
      <c r="C186" s="6" t="s">
        <v>673</v>
      </c>
      <c r="D186" s="6"/>
      <c r="E186" s="6"/>
      <c r="F186" s="6"/>
      <c r="G186" s="9"/>
      <c r="H186" s="10">
        <v>32555</v>
      </c>
    </row>
    <row r="187" spans="1:8" ht="13.15" customHeight="1" x14ac:dyDescent="0.15">
      <c r="A187" s="6">
        <v>186</v>
      </c>
      <c r="B187" s="6" t="s">
        <v>146</v>
      </c>
      <c r="C187" s="6" t="s">
        <v>147</v>
      </c>
      <c r="D187" s="6"/>
      <c r="E187" s="6" t="s">
        <v>2693</v>
      </c>
      <c r="F187" s="6" t="s">
        <v>148</v>
      </c>
      <c r="G187" s="9"/>
      <c r="H187" s="10">
        <v>32575</v>
      </c>
    </row>
    <row r="188" spans="1:8" ht="13.15" customHeight="1" x14ac:dyDescent="0.15">
      <c r="A188" s="6">
        <v>187</v>
      </c>
      <c r="B188" s="6" t="s">
        <v>973</v>
      </c>
      <c r="C188" s="6" t="s">
        <v>974</v>
      </c>
      <c r="D188" s="6"/>
      <c r="E188" s="6"/>
      <c r="F188" s="6"/>
      <c r="G188" s="9"/>
      <c r="H188" s="10">
        <v>32596</v>
      </c>
    </row>
    <row r="189" spans="1:8" ht="13.15" customHeight="1" x14ac:dyDescent="0.15">
      <c r="A189" s="6">
        <v>188</v>
      </c>
      <c r="B189" s="6" t="s">
        <v>519</v>
      </c>
      <c r="C189" s="6" t="s">
        <v>2426</v>
      </c>
      <c r="D189" s="6"/>
      <c r="E189" s="6"/>
      <c r="F189" s="6"/>
      <c r="G189" s="9"/>
      <c r="H189" s="10">
        <v>32638</v>
      </c>
    </row>
    <row r="190" spans="1:8" ht="13.15" customHeight="1" x14ac:dyDescent="0.15">
      <c r="A190" s="6">
        <v>189</v>
      </c>
      <c r="B190" s="6" t="s">
        <v>2933</v>
      </c>
      <c r="C190" s="6" t="s">
        <v>157</v>
      </c>
      <c r="D190" s="6"/>
      <c r="E190" s="6" t="s">
        <v>2727</v>
      </c>
      <c r="F190" s="6" t="s">
        <v>169</v>
      </c>
      <c r="G190" s="9"/>
      <c r="H190" s="10">
        <v>32687</v>
      </c>
    </row>
    <row r="191" spans="1:8" ht="13.15" customHeight="1" x14ac:dyDescent="0.15">
      <c r="A191" s="6">
        <v>190</v>
      </c>
      <c r="B191" s="6" t="s">
        <v>114</v>
      </c>
      <c r="C191" s="6" t="s">
        <v>1098</v>
      </c>
      <c r="D191" s="6"/>
      <c r="E191" s="6"/>
      <c r="F191" s="6"/>
      <c r="G191" s="9"/>
      <c r="H191" s="10">
        <v>32798</v>
      </c>
    </row>
    <row r="192" spans="1:8" ht="13.15" customHeight="1" x14ac:dyDescent="0.15">
      <c r="A192" s="6">
        <v>191</v>
      </c>
      <c r="B192" s="6" t="s">
        <v>728</v>
      </c>
      <c r="C192" s="6" t="s">
        <v>729</v>
      </c>
      <c r="D192" s="6"/>
      <c r="E192" s="6" t="s">
        <v>2694</v>
      </c>
      <c r="F192" s="6" t="s">
        <v>730</v>
      </c>
      <c r="G192" s="9"/>
      <c r="H192" s="10">
        <v>32836</v>
      </c>
    </row>
    <row r="193" spans="1:8" ht="13.15" customHeight="1" x14ac:dyDescent="0.15">
      <c r="A193" s="6">
        <v>192</v>
      </c>
      <c r="B193" s="6" t="s">
        <v>477</v>
      </c>
      <c r="C193" s="6" t="s">
        <v>478</v>
      </c>
      <c r="D193" s="6"/>
      <c r="E193" s="6"/>
      <c r="F193" s="6"/>
      <c r="G193" s="9"/>
      <c r="H193" s="10">
        <v>32852</v>
      </c>
    </row>
    <row r="194" spans="1:8" ht="13.15" customHeight="1" x14ac:dyDescent="0.15">
      <c r="A194" s="6">
        <v>193</v>
      </c>
      <c r="B194" s="6" t="s">
        <v>384</v>
      </c>
      <c r="C194" s="6" t="s">
        <v>385</v>
      </c>
      <c r="D194" s="6"/>
      <c r="E194" s="6"/>
      <c r="F194" s="6"/>
      <c r="G194" s="9"/>
      <c r="H194" s="10">
        <v>32866</v>
      </c>
    </row>
    <row r="195" spans="1:8" ht="13.15" customHeight="1" x14ac:dyDescent="0.15">
      <c r="A195" s="6">
        <v>194</v>
      </c>
      <c r="B195" s="6" t="s">
        <v>71</v>
      </c>
      <c r="C195" s="6" t="s">
        <v>72</v>
      </c>
      <c r="D195" s="6"/>
      <c r="E195" s="6"/>
      <c r="F195" s="6"/>
      <c r="G195" s="9"/>
      <c r="H195" s="10">
        <v>32979</v>
      </c>
    </row>
    <row r="196" spans="1:8" ht="13.15" customHeight="1" x14ac:dyDescent="0.15">
      <c r="A196" s="6">
        <v>195</v>
      </c>
      <c r="B196" s="6" t="s">
        <v>1063</v>
      </c>
      <c r="C196" s="6" t="s">
        <v>1064</v>
      </c>
      <c r="D196" s="6"/>
      <c r="E196" s="6"/>
      <c r="F196" s="6"/>
      <c r="G196" s="9"/>
      <c r="H196" s="10">
        <v>33014</v>
      </c>
    </row>
    <row r="197" spans="1:8" ht="13.15" customHeight="1" x14ac:dyDescent="0.15">
      <c r="A197" s="6">
        <v>196</v>
      </c>
      <c r="B197" s="6" t="s">
        <v>513</v>
      </c>
      <c r="C197" s="6" t="s">
        <v>514</v>
      </c>
      <c r="D197" s="6"/>
      <c r="E197" s="6"/>
      <c r="F197" s="6"/>
      <c r="G197" s="9"/>
      <c r="H197" s="10">
        <v>33017</v>
      </c>
    </row>
    <row r="198" spans="1:8" ht="13.15" customHeight="1" x14ac:dyDescent="0.15">
      <c r="A198" s="6">
        <v>197</v>
      </c>
      <c r="B198" s="6" t="s">
        <v>68</v>
      </c>
      <c r="C198" s="6" t="s">
        <v>69</v>
      </c>
      <c r="D198" s="6"/>
      <c r="E198" s="6" t="s">
        <v>2728</v>
      </c>
      <c r="F198" s="6" t="s">
        <v>66</v>
      </c>
      <c r="G198" s="9"/>
      <c r="H198" s="10">
        <v>33144</v>
      </c>
    </row>
    <row r="199" spans="1:8" ht="13.15" customHeight="1" x14ac:dyDescent="0.15">
      <c r="A199" s="6">
        <v>198</v>
      </c>
      <c r="B199" s="6" t="s">
        <v>237</v>
      </c>
      <c r="C199" s="6" t="s">
        <v>238</v>
      </c>
      <c r="D199" s="6"/>
      <c r="E199" s="6"/>
      <c r="F199" s="6"/>
      <c r="G199" s="9"/>
      <c r="H199" s="10">
        <v>33147</v>
      </c>
    </row>
    <row r="200" spans="1:8" ht="13.15" customHeight="1" x14ac:dyDescent="0.15">
      <c r="A200" s="6">
        <v>199</v>
      </c>
      <c r="B200" s="6" t="s">
        <v>971</v>
      </c>
      <c r="C200" s="6" t="s">
        <v>972</v>
      </c>
      <c r="D200" s="6"/>
      <c r="E200" s="6"/>
      <c r="F200" s="6"/>
      <c r="G200" s="9"/>
      <c r="H200" s="10">
        <v>33154</v>
      </c>
    </row>
    <row r="201" spans="1:8" ht="13.15" customHeight="1" x14ac:dyDescent="0.15">
      <c r="A201" s="6">
        <v>200</v>
      </c>
      <c r="B201" s="6" t="s">
        <v>162</v>
      </c>
      <c r="C201" s="6" t="s">
        <v>163</v>
      </c>
      <c r="D201" s="6"/>
      <c r="E201" s="6"/>
      <c r="F201" s="6"/>
      <c r="G201" s="9"/>
      <c r="H201" s="10">
        <v>33192</v>
      </c>
    </row>
    <row r="202" spans="1:8" ht="13.15" customHeight="1" x14ac:dyDescent="0.15">
      <c r="A202" s="6">
        <v>201</v>
      </c>
      <c r="B202" s="6" t="s">
        <v>362</v>
      </c>
      <c r="C202" s="6" t="s">
        <v>363</v>
      </c>
      <c r="D202" s="6"/>
      <c r="E202" s="6"/>
      <c r="F202" s="6"/>
      <c r="G202" s="9"/>
      <c r="H202" s="10">
        <v>33354</v>
      </c>
    </row>
    <row r="203" spans="1:8" ht="13.15" customHeight="1" x14ac:dyDescent="0.15">
      <c r="A203" s="6">
        <v>202</v>
      </c>
      <c r="B203" s="6" t="s">
        <v>904</v>
      </c>
      <c r="C203" s="6" t="s">
        <v>905</v>
      </c>
      <c r="D203" s="6"/>
      <c r="E203" s="6"/>
      <c r="F203" s="6"/>
      <c r="G203" s="9"/>
      <c r="H203" s="10">
        <v>33372</v>
      </c>
    </row>
    <row r="204" spans="1:8" ht="13.15" customHeight="1" x14ac:dyDescent="0.15">
      <c r="A204" s="6">
        <v>203</v>
      </c>
      <c r="B204" s="6" t="s">
        <v>216</v>
      </c>
      <c r="C204" s="6" t="s">
        <v>217</v>
      </c>
      <c r="D204" s="6"/>
      <c r="E204" s="6" t="s">
        <v>2729</v>
      </c>
      <c r="F204" s="6" t="s">
        <v>218</v>
      </c>
      <c r="G204" s="9"/>
      <c r="H204" s="10">
        <v>33475</v>
      </c>
    </row>
    <row r="205" spans="1:8" ht="13.15" customHeight="1" x14ac:dyDescent="0.15">
      <c r="A205" s="6">
        <v>204</v>
      </c>
      <c r="B205" s="6" t="s">
        <v>968</v>
      </c>
      <c r="C205" s="6" t="s">
        <v>969</v>
      </c>
      <c r="D205" s="6"/>
      <c r="E205" s="6"/>
      <c r="F205" s="6"/>
      <c r="G205" s="9"/>
      <c r="H205" s="10">
        <v>33532</v>
      </c>
    </row>
    <row r="206" spans="1:8" ht="13.15" customHeight="1" x14ac:dyDescent="0.15">
      <c r="A206" s="6">
        <v>205</v>
      </c>
      <c r="B206" s="6" t="s">
        <v>100</v>
      </c>
      <c r="C206" s="6" t="s">
        <v>101</v>
      </c>
      <c r="D206" s="6"/>
      <c r="E206" s="6"/>
      <c r="F206" s="6"/>
      <c r="G206" s="9"/>
      <c r="H206" s="10">
        <v>33561</v>
      </c>
    </row>
    <row r="207" spans="1:8" ht="13.15" customHeight="1" x14ac:dyDescent="0.15">
      <c r="A207" s="6">
        <v>206</v>
      </c>
      <c r="B207" s="6" t="s">
        <v>523</v>
      </c>
      <c r="C207" s="6" t="s">
        <v>524</v>
      </c>
      <c r="D207" s="6"/>
      <c r="E207" s="6"/>
      <c r="F207" s="6"/>
      <c r="G207" s="9"/>
      <c r="H207" s="10">
        <v>33578</v>
      </c>
    </row>
    <row r="208" spans="1:8" x14ac:dyDescent="0.15">
      <c r="A208" s="6">
        <v>207</v>
      </c>
      <c r="B208" s="6" t="s">
        <v>132</v>
      </c>
      <c r="C208" s="6" t="s">
        <v>133</v>
      </c>
      <c r="D208" s="6"/>
      <c r="E208" s="6"/>
      <c r="F208" s="6"/>
      <c r="G208" s="9"/>
      <c r="H208" s="10">
        <v>33581</v>
      </c>
    </row>
    <row r="209" spans="1:8" ht="13.15" customHeight="1" x14ac:dyDescent="0.15">
      <c r="A209" s="6">
        <v>208</v>
      </c>
      <c r="B209" s="6" t="s">
        <v>496</v>
      </c>
      <c r="C209" s="6" t="s">
        <v>2425</v>
      </c>
      <c r="D209" s="6"/>
      <c r="E209" s="6"/>
      <c r="F209" s="6"/>
      <c r="G209" s="9"/>
      <c r="H209" s="10">
        <v>33660</v>
      </c>
    </row>
    <row r="210" spans="1:8" ht="13.15" customHeight="1" x14ac:dyDescent="0.15">
      <c r="A210" s="6">
        <v>209</v>
      </c>
      <c r="B210" s="6" t="s">
        <v>637</v>
      </c>
      <c r="C210" s="6" t="s">
        <v>2424</v>
      </c>
      <c r="D210" s="6"/>
      <c r="E210" s="6"/>
      <c r="F210" s="6"/>
      <c r="G210" s="9"/>
      <c r="H210" s="10">
        <v>33671</v>
      </c>
    </row>
    <row r="211" spans="1:8" ht="13.15" customHeight="1" x14ac:dyDescent="0.15">
      <c r="A211" s="6">
        <v>210</v>
      </c>
      <c r="B211" s="6" t="s">
        <v>212</v>
      </c>
      <c r="C211" s="6" t="s">
        <v>213</v>
      </c>
      <c r="D211" s="6"/>
      <c r="E211" s="6"/>
      <c r="F211" s="6"/>
      <c r="G211" s="9"/>
      <c r="H211" s="10">
        <v>33674</v>
      </c>
    </row>
    <row r="212" spans="1:8" ht="13.15" customHeight="1" x14ac:dyDescent="0.15">
      <c r="A212" s="6">
        <v>211</v>
      </c>
      <c r="B212" s="6" t="s">
        <v>1061</v>
      </c>
      <c r="C212" s="6" t="s">
        <v>1062</v>
      </c>
      <c r="D212" s="6"/>
      <c r="E212" s="6"/>
      <c r="F212" s="6"/>
      <c r="G212" s="9"/>
      <c r="H212" s="10">
        <v>33701</v>
      </c>
    </row>
    <row r="213" spans="1:8" ht="13.15" customHeight="1" x14ac:dyDescent="0.15">
      <c r="A213" s="6">
        <v>212</v>
      </c>
      <c r="B213" s="6" t="s">
        <v>475</v>
      </c>
      <c r="C213" s="6" t="s">
        <v>476</v>
      </c>
      <c r="D213" s="6"/>
      <c r="E213" s="6"/>
      <c r="F213" s="6"/>
      <c r="G213" s="9"/>
      <c r="H213" s="10">
        <v>33746</v>
      </c>
    </row>
    <row r="214" spans="1:8" ht="13.15" customHeight="1" x14ac:dyDescent="0.15">
      <c r="A214" s="6">
        <v>213</v>
      </c>
      <c r="B214" s="6" t="s">
        <v>1058</v>
      </c>
      <c r="C214" s="6" t="s">
        <v>1059</v>
      </c>
      <c r="D214" s="6" t="s">
        <v>1060</v>
      </c>
      <c r="E214" s="6" t="s">
        <v>2695</v>
      </c>
      <c r="F214" s="6" t="s">
        <v>967</v>
      </c>
      <c r="G214" s="9"/>
      <c r="H214" s="10">
        <v>33753</v>
      </c>
    </row>
    <row r="215" spans="1:8" ht="13.15" customHeight="1" x14ac:dyDescent="0.15">
      <c r="A215" s="6">
        <v>214</v>
      </c>
      <c r="B215" s="6" t="s">
        <v>761</v>
      </c>
      <c r="C215" s="6" t="s">
        <v>762</v>
      </c>
      <c r="D215" s="6"/>
      <c r="E215" s="6"/>
      <c r="F215" s="6"/>
      <c r="G215" s="9"/>
      <c r="H215" s="10">
        <v>33771</v>
      </c>
    </row>
    <row r="216" spans="1:8" ht="13.15" customHeight="1" x14ac:dyDescent="0.15">
      <c r="A216" s="6">
        <v>215</v>
      </c>
      <c r="B216" s="6" t="s">
        <v>965</v>
      </c>
      <c r="C216" s="6" t="s">
        <v>966</v>
      </c>
      <c r="D216" s="6"/>
      <c r="E216" s="6"/>
      <c r="F216" s="6"/>
      <c r="G216" s="9"/>
      <c r="H216" s="10">
        <v>33785</v>
      </c>
    </row>
    <row r="217" spans="1:8" ht="13.15" customHeight="1" x14ac:dyDescent="0.15">
      <c r="A217" s="6">
        <v>216</v>
      </c>
      <c r="B217" s="6" t="s">
        <v>697</v>
      </c>
      <c r="C217" s="6" t="s">
        <v>698</v>
      </c>
      <c r="D217" s="6"/>
      <c r="E217" s="6"/>
      <c r="F217" s="6"/>
      <c r="G217" s="9"/>
      <c r="H217" s="10">
        <v>33802</v>
      </c>
    </row>
    <row r="218" spans="1:8" ht="13.15" customHeight="1" x14ac:dyDescent="0.15">
      <c r="A218" s="6">
        <v>217</v>
      </c>
      <c r="B218" s="6" t="s">
        <v>518</v>
      </c>
      <c r="C218" s="6" t="s">
        <v>2444</v>
      </c>
      <c r="D218" s="6"/>
      <c r="E218" s="6"/>
      <c r="F218" s="6"/>
      <c r="G218" s="9"/>
      <c r="H218" s="10">
        <v>33816</v>
      </c>
    </row>
    <row r="219" spans="1:8" ht="13.15" customHeight="1" x14ac:dyDescent="0.15">
      <c r="A219" s="6">
        <v>218</v>
      </c>
      <c r="B219" s="6" t="s">
        <v>110</v>
      </c>
      <c r="C219" s="6" t="s">
        <v>111</v>
      </c>
      <c r="D219" s="6"/>
      <c r="E219" s="6"/>
      <c r="F219" s="6"/>
      <c r="G219" s="9"/>
      <c r="H219" s="10">
        <v>33850</v>
      </c>
    </row>
    <row r="220" spans="1:8" ht="13.15" customHeight="1" x14ac:dyDescent="0.15">
      <c r="A220" s="6">
        <v>219</v>
      </c>
      <c r="B220" s="6" t="s">
        <v>770</v>
      </c>
      <c r="C220" s="6" t="s">
        <v>771</v>
      </c>
      <c r="D220" s="6"/>
      <c r="E220" s="6"/>
      <c r="F220" s="6"/>
      <c r="G220" s="9"/>
      <c r="H220" s="10">
        <v>33899</v>
      </c>
    </row>
    <row r="221" spans="1:8" ht="13.15" customHeight="1" x14ac:dyDescent="0.15">
      <c r="A221" s="6">
        <v>220</v>
      </c>
      <c r="B221" s="6" t="s">
        <v>962</v>
      </c>
      <c r="C221" s="6" t="s">
        <v>963</v>
      </c>
      <c r="D221" s="6"/>
      <c r="E221" s="6"/>
      <c r="F221" s="6"/>
      <c r="G221" s="9"/>
      <c r="H221" s="10">
        <v>33921</v>
      </c>
    </row>
    <row r="222" spans="1:8" ht="13.15" customHeight="1" x14ac:dyDescent="0.15">
      <c r="A222" s="6">
        <v>221</v>
      </c>
      <c r="B222" s="6" t="s">
        <v>247</v>
      </c>
      <c r="C222" s="6" t="s">
        <v>248</v>
      </c>
      <c r="D222" s="6"/>
      <c r="E222" s="6"/>
      <c r="F222" s="6"/>
      <c r="G222" s="9"/>
      <c r="H222" s="10">
        <v>33922</v>
      </c>
    </row>
    <row r="223" spans="1:8" ht="13.15" customHeight="1" x14ac:dyDescent="0.15">
      <c r="A223" s="6">
        <v>222</v>
      </c>
      <c r="B223" s="6" t="s">
        <v>58</v>
      </c>
      <c r="C223" s="6" t="s">
        <v>59</v>
      </c>
      <c r="D223" s="6"/>
      <c r="E223" s="6"/>
      <c r="F223" s="6"/>
      <c r="G223" s="9"/>
      <c r="H223" s="10">
        <v>33941</v>
      </c>
    </row>
    <row r="224" spans="1:8" ht="13.15" customHeight="1" x14ac:dyDescent="0.15">
      <c r="A224" s="6">
        <v>223</v>
      </c>
      <c r="B224" s="6" t="s">
        <v>735</v>
      </c>
      <c r="C224" s="6" t="s">
        <v>736</v>
      </c>
      <c r="D224" s="6"/>
      <c r="E224" s="6"/>
      <c r="F224" s="6"/>
      <c r="G224" s="9"/>
      <c r="H224" s="10">
        <v>34024</v>
      </c>
    </row>
    <row r="225" spans="1:8" ht="13.15" customHeight="1" x14ac:dyDescent="0.15">
      <c r="A225" s="6">
        <v>224</v>
      </c>
      <c r="B225" s="6" t="s">
        <v>46</v>
      </c>
      <c r="C225" s="6" t="s">
        <v>47</v>
      </c>
      <c r="D225" s="6"/>
      <c r="E225" s="6"/>
      <c r="F225" s="6"/>
      <c r="G225" s="9"/>
      <c r="H225" s="10">
        <v>34059</v>
      </c>
    </row>
    <row r="226" spans="1:8" ht="13.15" customHeight="1" x14ac:dyDescent="0.15">
      <c r="A226" s="6">
        <v>225</v>
      </c>
      <c r="B226" s="6" t="s">
        <v>775</v>
      </c>
      <c r="C226" s="6" t="s">
        <v>776</v>
      </c>
      <c r="D226" s="6"/>
      <c r="E226" s="6"/>
      <c r="F226" s="6"/>
      <c r="G226" s="9"/>
      <c r="H226" s="10">
        <v>34062</v>
      </c>
    </row>
    <row r="227" spans="1:8" ht="13.15" customHeight="1" x14ac:dyDescent="0.15">
      <c r="A227" s="6">
        <v>226</v>
      </c>
      <c r="B227" s="6" t="s">
        <v>56</v>
      </c>
      <c r="C227" s="6" t="s">
        <v>57</v>
      </c>
      <c r="D227" s="6"/>
      <c r="E227" s="6"/>
      <c r="F227" s="6"/>
      <c r="G227" s="9"/>
      <c r="H227" s="10">
        <v>34092</v>
      </c>
    </row>
    <row r="228" spans="1:8" ht="13.15" customHeight="1" x14ac:dyDescent="0.15">
      <c r="A228" s="6">
        <v>227</v>
      </c>
      <c r="B228" s="6" t="s">
        <v>322</v>
      </c>
      <c r="C228" s="6" t="s">
        <v>323</v>
      </c>
      <c r="D228" s="6"/>
      <c r="E228" s="6" t="s">
        <v>2696</v>
      </c>
      <c r="F228" s="6" t="s">
        <v>320</v>
      </c>
      <c r="G228" s="9"/>
      <c r="H228" s="10">
        <v>34189</v>
      </c>
    </row>
    <row r="229" spans="1:8" ht="13.15" customHeight="1" x14ac:dyDescent="0.15">
      <c r="A229" s="6">
        <v>228</v>
      </c>
      <c r="B229" s="6" t="s">
        <v>777</v>
      </c>
      <c r="C229" s="6" t="s">
        <v>778</v>
      </c>
      <c r="D229" s="6"/>
      <c r="E229" s="6"/>
      <c r="F229" s="6"/>
      <c r="G229" s="9"/>
      <c r="H229" s="10">
        <v>34243</v>
      </c>
    </row>
    <row r="230" spans="1:8" ht="13.15" customHeight="1" x14ac:dyDescent="0.15">
      <c r="A230" s="6">
        <v>229</v>
      </c>
      <c r="B230" s="6" t="s">
        <v>467</v>
      </c>
      <c r="C230" s="6" t="s">
        <v>468</v>
      </c>
      <c r="D230" s="6"/>
      <c r="E230" s="6"/>
      <c r="F230" s="6"/>
      <c r="G230" s="9"/>
      <c r="H230" s="10">
        <v>34296</v>
      </c>
    </row>
    <row r="231" spans="1:8" ht="13.15" customHeight="1" x14ac:dyDescent="0.15">
      <c r="A231" s="6">
        <v>230</v>
      </c>
      <c r="B231" s="6" t="s">
        <v>564</v>
      </c>
      <c r="C231" s="6" t="s">
        <v>565</v>
      </c>
      <c r="D231" s="6"/>
      <c r="E231" s="6"/>
      <c r="F231" s="6"/>
      <c r="G231" s="9"/>
      <c r="H231" s="10">
        <v>34315</v>
      </c>
    </row>
    <row r="232" spans="1:8" ht="13.15" customHeight="1" x14ac:dyDescent="0.15">
      <c r="A232" s="6">
        <v>231</v>
      </c>
      <c r="B232" s="6" t="s">
        <v>743</v>
      </c>
      <c r="C232" s="6" t="s">
        <v>744</v>
      </c>
      <c r="D232" s="6"/>
      <c r="E232" s="6"/>
      <c r="F232" s="6"/>
      <c r="G232" s="9"/>
      <c r="H232" s="10">
        <v>34403</v>
      </c>
    </row>
    <row r="233" spans="1:8" ht="13.15" customHeight="1" x14ac:dyDescent="0.15">
      <c r="A233" s="6">
        <v>232</v>
      </c>
      <c r="B233" s="6" t="s">
        <v>38</v>
      </c>
      <c r="C233" s="6" t="s">
        <v>39</v>
      </c>
      <c r="D233" s="6"/>
      <c r="E233" s="6"/>
      <c r="F233" s="6"/>
      <c r="G233" s="9"/>
      <c r="H233" s="10">
        <v>34408</v>
      </c>
    </row>
    <row r="234" spans="1:8" ht="13.15" customHeight="1" x14ac:dyDescent="0.15">
      <c r="A234" s="6">
        <v>233</v>
      </c>
      <c r="B234" s="6" t="s">
        <v>1055</v>
      </c>
      <c r="C234" s="6" t="s">
        <v>1056</v>
      </c>
      <c r="D234" s="6"/>
      <c r="E234" s="6"/>
      <c r="F234" s="6"/>
      <c r="G234" s="9"/>
      <c r="H234" s="10">
        <v>34422</v>
      </c>
    </row>
    <row r="235" spans="1:8" ht="13.15" customHeight="1" x14ac:dyDescent="0.15">
      <c r="A235" s="6">
        <v>234</v>
      </c>
      <c r="B235" s="6" t="s">
        <v>1053</v>
      </c>
      <c r="C235" s="6" t="s">
        <v>1054</v>
      </c>
      <c r="D235" s="6"/>
      <c r="E235" s="6"/>
      <c r="F235" s="6"/>
      <c r="G235" s="9"/>
      <c r="H235" s="10">
        <v>34425</v>
      </c>
    </row>
    <row r="236" spans="1:8" ht="13.15" customHeight="1" x14ac:dyDescent="0.15">
      <c r="A236" s="6">
        <v>235</v>
      </c>
      <c r="B236" s="6" t="s">
        <v>901</v>
      </c>
      <c r="C236" s="6" t="s">
        <v>902</v>
      </c>
      <c r="D236" s="6"/>
      <c r="E236" s="6"/>
      <c r="F236" s="6"/>
      <c r="G236" s="9"/>
      <c r="H236" s="10">
        <v>34440</v>
      </c>
    </row>
    <row r="237" spans="1:8" ht="13.15" customHeight="1" x14ac:dyDescent="0.15">
      <c r="A237" s="6">
        <v>236</v>
      </c>
      <c r="B237" s="6" t="s">
        <v>779</v>
      </c>
      <c r="C237" s="6" t="s">
        <v>780</v>
      </c>
      <c r="D237" s="6"/>
      <c r="E237" s="6"/>
      <c r="F237" s="6"/>
      <c r="G237" s="9"/>
      <c r="H237" s="10">
        <v>34444</v>
      </c>
    </row>
    <row r="238" spans="1:8" ht="13.15" customHeight="1" x14ac:dyDescent="0.15">
      <c r="A238" s="6">
        <v>237</v>
      </c>
      <c r="B238" s="6" t="s">
        <v>959</v>
      </c>
      <c r="C238" s="6" t="s">
        <v>960</v>
      </c>
      <c r="D238" s="6"/>
      <c r="E238" s="6"/>
      <c r="F238" s="6"/>
      <c r="G238" s="9"/>
      <c r="H238" s="10">
        <v>34446</v>
      </c>
    </row>
    <row r="239" spans="1:8" ht="13.15" customHeight="1" x14ac:dyDescent="0.15">
      <c r="A239" s="6">
        <v>238</v>
      </c>
      <c r="B239" s="6" t="s">
        <v>958</v>
      </c>
      <c r="C239" s="6" t="s">
        <v>663</v>
      </c>
      <c r="D239" s="6"/>
      <c r="E239" s="6"/>
      <c r="F239" s="6"/>
      <c r="G239" s="9"/>
      <c r="H239" s="10">
        <v>34515</v>
      </c>
    </row>
    <row r="240" spans="1:8" ht="13.15" customHeight="1" x14ac:dyDescent="0.15">
      <c r="A240" s="6">
        <v>239</v>
      </c>
      <c r="B240" s="6" t="s">
        <v>792</v>
      </c>
      <c r="C240" s="6" t="s">
        <v>793</v>
      </c>
      <c r="D240" s="6"/>
      <c r="E240" s="6"/>
      <c r="F240" s="6"/>
      <c r="G240" s="9"/>
      <c r="H240" s="10">
        <v>34523</v>
      </c>
    </row>
    <row r="241" spans="1:8" ht="13.15" customHeight="1" x14ac:dyDescent="0.15">
      <c r="A241" s="6">
        <v>240</v>
      </c>
      <c r="B241" s="6" t="s">
        <v>73</v>
      </c>
      <c r="C241" s="6" t="s">
        <v>74</v>
      </c>
      <c r="D241" s="6"/>
      <c r="E241" s="6"/>
      <c r="F241" s="6"/>
      <c r="G241" s="9"/>
      <c r="H241" s="10">
        <v>34531</v>
      </c>
    </row>
    <row r="242" spans="1:8" ht="13.15" customHeight="1" x14ac:dyDescent="0.15">
      <c r="A242" s="6">
        <v>241</v>
      </c>
      <c r="B242" s="6" t="s">
        <v>701</v>
      </c>
      <c r="C242" s="6" t="s">
        <v>702</v>
      </c>
      <c r="D242" s="6"/>
      <c r="E242" s="6"/>
      <c r="F242" s="6"/>
      <c r="G242" s="9"/>
      <c r="H242" s="10">
        <v>34549</v>
      </c>
    </row>
    <row r="243" spans="1:8" ht="13.15" customHeight="1" x14ac:dyDescent="0.15">
      <c r="A243" s="6">
        <v>242</v>
      </c>
      <c r="B243" s="6" t="s">
        <v>711</v>
      </c>
      <c r="C243" s="6" t="s">
        <v>712</v>
      </c>
      <c r="D243" s="6"/>
      <c r="E243" s="6"/>
      <c r="F243" s="6"/>
      <c r="G243" s="9"/>
      <c r="H243" s="10">
        <v>34569</v>
      </c>
    </row>
    <row r="244" spans="1:8" ht="13.15" customHeight="1" x14ac:dyDescent="0.15">
      <c r="A244" s="6">
        <v>243</v>
      </c>
      <c r="B244" s="6" t="s">
        <v>526</v>
      </c>
      <c r="C244" s="6" t="s">
        <v>527</v>
      </c>
      <c r="D244" s="6"/>
      <c r="E244" s="6"/>
      <c r="F244" s="6"/>
      <c r="G244" s="9"/>
      <c r="H244" s="10">
        <v>34586</v>
      </c>
    </row>
    <row r="245" spans="1:8" ht="13.15" customHeight="1" x14ac:dyDescent="0.15">
      <c r="A245" s="6">
        <v>244</v>
      </c>
      <c r="B245" s="6" t="s">
        <v>2522</v>
      </c>
      <c r="C245" s="6" t="s">
        <v>2523</v>
      </c>
      <c r="D245" s="6"/>
      <c r="E245" s="6"/>
      <c r="F245" s="6"/>
      <c r="G245" s="9"/>
      <c r="H245" s="10">
        <v>34620</v>
      </c>
    </row>
    <row r="246" spans="1:8" ht="13.15" customHeight="1" x14ac:dyDescent="0.15">
      <c r="A246" s="6">
        <v>245</v>
      </c>
      <c r="B246" s="6" t="s">
        <v>240</v>
      </c>
      <c r="C246" s="6" t="s">
        <v>241</v>
      </c>
      <c r="D246" s="6"/>
      <c r="E246" s="6"/>
      <c r="F246" s="6"/>
      <c r="G246" s="9"/>
      <c r="H246" s="10">
        <v>34632</v>
      </c>
    </row>
    <row r="247" spans="1:8" ht="13.15" customHeight="1" x14ac:dyDescent="0.15">
      <c r="A247" s="6">
        <v>246</v>
      </c>
      <c r="B247" s="6" t="s">
        <v>62</v>
      </c>
      <c r="C247" s="6" t="s">
        <v>2421</v>
      </c>
      <c r="D247" s="6"/>
      <c r="E247" s="6"/>
      <c r="F247" s="6"/>
      <c r="G247" s="9"/>
      <c r="H247" s="10">
        <v>34660</v>
      </c>
    </row>
    <row r="248" spans="1:8" ht="13.15" customHeight="1" x14ac:dyDescent="0.15">
      <c r="A248" s="6">
        <v>247</v>
      </c>
      <c r="B248" s="6" t="s">
        <v>386</v>
      </c>
      <c r="C248" s="6" t="s">
        <v>387</v>
      </c>
      <c r="D248" s="6"/>
      <c r="E248" s="6"/>
      <c r="F248" s="6"/>
      <c r="G248" s="9"/>
      <c r="H248" s="10">
        <v>34669</v>
      </c>
    </row>
    <row r="249" spans="1:8" ht="13.15" customHeight="1" x14ac:dyDescent="0.15">
      <c r="A249" s="6">
        <v>248</v>
      </c>
      <c r="B249" s="6" t="s">
        <v>330</v>
      </c>
      <c r="C249" s="6" t="s">
        <v>331</v>
      </c>
      <c r="D249" s="6"/>
      <c r="E249" s="6"/>
      <c r="F249" s="6"/>
      <c r="G249" s="9"/>
      <c r="H249" s="10">
        <v>34731</v>
      </c>
    </row>
    <row r="250" spans="1:8" ht="13.15" customHeight="1" x14ac:dyDescent="0.15">
      <c r="A250" s="6">
        <v>249</v>
      </c>
      <c r="B250" s="6" t="s">
        <v>956</v>
      </c>
      <c r="C250" s="6" t="s">
        <v>957</v>
      </c>
      <c r="D250" s="6"/>
      <c r="E250" s="6"/>
      <c r="F250" s="6"/>
      <c r="G250" s="9"/>
      <c r="H250" s="10">
        <v>34733</v>
      </c>
    </row>
    <row r="251" spans="1:8" ht="13.15" customHeight="1" x14ac:dyDescent="0.15">
      <c r="A251" s="6">
        <v>250</v>
      </c>
      <c r="B251" s="6" t="s">
        <v>270</v>
      </c>
      <c r="C251" s="6" t="s">
        <v>271</v>
      </c>
      <c r="D251" s="6"/>
      <c r="E251" s="6"/>
      <c r="F251" s="6"/>
      <c r="G251" s="9"/>
      <c r="H251" s="10">
        <v>34795</v>
      </c>
    </row>
    <row r="252" spans="1:8" ht="13.15" customHeight="1" x14ac:dyDescent="0.15">
      <c r="A252" s="6">
        <v>251</v>
      </c>
      <c r="B252" s="6" t="s">
        <v>741</v>
      </c>
      <c r="C252" s="6" t="s">
        <v>742</v>
      </c>
      <c r="D252" s="6"/>
      <c r="E252" s="6"/>
      <c r="F252" s="6"/>
      <c r="G252" s="9"/>
      <c r="H252" s="10">
        <v>34795</v>
      </c>
    </row>
    <row r="253" spans="1:8" ht="13.15" customHeight="1" x14ac:dyDescent="0.15">
      <c r="A253" s="6">
        <v>252</v>
      </c>
      <c r="B253" s="6" t="s">
        <v>752</v>
      </c>
      <c r="C253" s="6" t="s">
        <v>753</v>
      </c>
      <c r="D253" s="6"/>
      <c r="E253" s="6"/>
      <c r="F253" s="6"/>
      <c r="G253" s="9"/>
      <c r="H253" s="10">
        <v>34797</v>
      </c>
    </row>
    <row r="254" spans="1:8" ht="13.15" customHeight="1" x14ac:dyDescent="0.15">
      <c r="A254" s="6">
        <v>253</v>
      </c>
      <c r="B254" s="6" t="s">
        <v>953</v>
      </c>
      <c r="C254" s="6" t="s">
        <v>954</v>
      </c>
      <c r="D254" s="6"/>
      <c r="E254" s="6"/>
      <c r="F254" s="6"/>
      <c r="G254" s="9"/>
      <c r="H254" s="10">
        <v>34940</v>
      </c>
    </row>
    <row r="255" spans="1:8" ht="13.15" customHeight="1" x14ac:dyDescent="0.15">
      <c r="A255" s="6">
        <v>254</v>
      </c>
      <c r="B255" s="6" t="s">
        <v>540</v>
      </c>
      <c r="C255" s="6" t="s">
        <v>541</v>
      </c>
      <c r="D255" s="6"/>
      <c r="E255" s="6"/>
      <c r="F255" s="6"/>
      <c r="G255" s="9"/>
      <c r="H255" s="10">
        <v>34949</v>
      </c>
    </row>
    <row r="256" spans="1:8" ht="13.15" customHeight="1" x14ac:dyDescent="0.15">
      <c r="A256" s="6">
        <v>255</v>
      </c>
      <c r="B256" s="6" t="s">
        <v>898</v>
      </c>
      <c r="C256" s="6" t="s">
        <v>899</v>
      </c>
      <c r="D256" s="6"/>
      <c r="E256" s="6"/>
      <c r="F256" s="6"/>
      <c r="G256" s="9"/>
      <c r="H256" s="10">
        <v>34990</v>
      </c>
    </row>
    <row r="257" spans="1:8" ht="13.15" customHeight="1" x14ac:dyDescent="0.15">
      <c r="A257" s="6">
        <v>256</v>
      </c>
      <c r="B257" s="6" t="s">
        <v>896</v>
      </c>
      <c r="C257" s="6" t="s">
        <v>897</v>
      </c>
      <c r="D257" s="6"/>
      <c r="E257" s="6"/>
      <c r="F257" s="6"/>
      <c r="G257" s="9"/>
      <c r="H257" s="10">
        <v>35023</v>
      </c>
    </row>
    <row r="258" spans="1:8" ht="13.15" customHeight="1" x14ac:dyDescent="0.15">
      <c r="A258" s="6">
        <v>257</v>
      </c>
      <c r="B258" s="6" t="s">
        <v>130</v>
      </c>
      <c r="C258" s="6" t="s">
        <v>131</v>
      </c>
      <c r="D258" s="6"/>
      <c r="E258" s="6"/>
      <c r="F258" s="6"/>
      <c r="G258" s="9"/>
      <c r="H258" s="10">
        <v>35061</v>
      </c>
    </row>
    <row r="259" spans="1:8" ht="13.15" customHeight="1" x14ac:dyDescent="0.15">
      <c r="A259" s="6">
        <v>258</v>
      </c>
      <c r="B259" s="6" t="s">
        <v>440</v>
      </c>
      <c r="C259" s="6" t="s">
        <v>441</v>
      </c>
      <c r="D259" s="6"/>
      <c r="E259" s="6"/>
      <c r="F259" s="6"/>
      <c r="G259" s="9"/>
      <c r="H259" s="10">
        <v>35100</v>
      </c>
    </row>
    <row r="260" spans="1:8" ht="13.15" customHeight="1" x14ac:dyDescent="0.15">
      <c r="A260" s="6">
        <v>259</v>
      </c>
      <c r="B260" s="6" t="s">
        <v>1050</v>
      </c>
      <c r="C260" s="6" t="s">
        <v>545</v>
      </c>
      <c r="D260" s="6"/>
      <c r="E260" s="6"/>
      <c r="F260" s="6"/>
      <c r="G260" s="9"/>
      <c r="H260" s="10">
        <v>35151</v>
      </c>
    </row>
    <row r="261" spans="1:8" ht="13.15" customHeight="1" x14ac:dyDescent="0.15">
      <c r="A261" s="6">
        <v>260</v>
      </c>
      <c r="B261" s="6" t="s">
        <v>456</v>
      </c>
      <c r="C261" s="6" t="s">
        <v>457</v>
      </c>
      <c r="D261" s="6"/>
      <c r="E261" s="6"/>
      <c r="F261" s="6"/>
      <c r="G261" s="9" t="s">
        <v>283</v>
      </c>
      <c r="H261" s="10">
        <v>35160</v>
      </c>
    </row>
    <row r="262" spans="1:8" ht="13.15" customHeight="1" x14ac:dyDescent="0.15">
      <c r="A262" s="6">
        <v>261</v>
      </c>
      <c r="B262" s="6" t="s">
        <v>16</v>
      </c>
      <c r="C262" s="6" t="s">
        <v>2414</v>
      </c>
      <c r="D262" s="6"/>
      <c r="E262" s="6"/>
      <c r="F262" s="6"/>
      <c r="G262" s="9" t="s">
        <v>17</v>
      </c>
      <c r="H262" s="10">
        <v>35170</v>
      </c>
    </row>
    <row r="263" spans="1:8" ht="13.15" customHeight="1" x14ac:dyDescent="0.15">
      <c r="A263" s="6">
        <v>262</v>
      </c>
      <c r="B263" s="6" t="s">
        <v>1048</v>
      </c>
      <c r="C263" s="6" t="s">
        <v>1049</v>
      </c>
      <c r="D263" s="6"/>
      <c r="E263" s="6" t="s">
        <v>2695</v>
      </c>
      <c r="F263" s="6" t="s">
        <v>967</v>
      </c>
      <c r="G263" s="9"/>
      <c r="H263" s="10">
        <v>35227</v>
      </c>
    </row>
    <row r="264" spans="1:8" ht="13.15" customHeight="1" x14ac:dyDescent="0.15">
      <c r="A264" s="6">
        <v>263</v>
      </c>
      <c r="B264" s="6" t="s">
        <v>436</v>
      </c>
      <c r="C264" s="6" t="s">
        <v>438</v>
      </c>
      <c r="D264" s="6"/>
      <c r="E264" s="6"/>
      <c r="F264" s="6"/>
      <c r="G264" s="9" t="s">
        <v>439</v>
      </c>
      <c r="H264" s="10">
        <v>35236</v>
      </c>
    </row>
    <row r="265" spans="1:8" ht="13.15" customHeight="1" x14ac:dyDescent="0.15">
      <c r="A265" s="6">
        <v>264</v>
      </c>
      <c r="B265" s="6" t="s">
        <v>399</v>
      </c>
      <c r="C265" s="6" t="s">
        <v>400</v>
      </c>
      <c r="D265" s="6"/>
      <c r="E265" s="6" t="s">
        <v>2697</v>
      </c>
      <c r="F265" s="6" t="s">
        <v>201</v>
      </c>
      <c r="G265" s="9" t="s">
        <v>401</v>
      </c>
      <c r="H265" s="10">
        <v>35244</v>
      </c>
    </row>
    <row r="266" spans="1:8" ht="13.15" customHeight="1" x14ac:dyDescent="0.15">
      <c r="A266" s="6">
        <v>265</v>
      </c>
      <c r="B266" s="6" t="s">
        <v>126</v>
      </c>
      <c r="C266" s="6" t="s">
        <v>127</v>
      </c>
      <c r="D266" s="6"/>
      <c r="E266" s="6"/>
      <c r="F266" s="6"/>
      <c r="G266" s="9" t="s">
        <v>128</v>
      </c>
      <c r="H266" s="10">
        <v>35264</v>
      </c>
    </row>
    <row r="267" spans="1:8" ht="13.15" customHeight="1" x14ac:dyDescent="0.15">
      <c r="A267" s="6">
        <v>266</v>
      </c>
      <c r="B267" s="6" t="s">
        <v>593</v>
      </c>
      <c r="C267" s="6" t="s">
        <v>594</v>
      </c>
      <c r="D267" s="6"/>
      <c r="E267" s="6"/>
      <c r="F267" s="6"/>
      <c r="G267" s="9" t="s">
        <v>595</v>
      </c>
      <c r="H267" s="10">
        <v>35369</v>
      </c>
    </row>
    <row r="268" spans="1:8" ht="13.15" customHeight="1" x14ac:dyDescent="0.15">
      <c r="A268" s="6">
        <v>267</v>
      </c>
      <c r="B268" s="6" t="s">
        <v>932</v>
      </c>
      <c r="C268" s="6" t="s">
        <v>933</v>
      </c>
      <c r="D268" s="6"/>
      <c r="E268" s="6"/>
      <c r="F268" s="6"/>
      <c r="G268" s="9"/>
      <c r="H268" s="10">
        <v>35416</v>
      </c>
    </row>
    <row r="269" spans="1:8" ht="13.15" customHeight="1" x14ac:dyDescent="0.15">
      <c r="A269" s="6">
        <v>268</v>
      </c>
      <c r="B269" s="6" t="s">
        <v>706</v>
      </c>
      <c r="C269" s="6" t="s">
        <v>707</v>
      </c>
      <c r="D269" s="6"/>
      <c r="E269" s="6"/>
      <c r="F269" s="6"/>
      <c r="G269" s="9" t="s">
        <v>239</v>
      </c>
      <c r="H269" s="10">
        <v>35446</v>
      </c>
    </row>
    <row r="270" spans="1:8" x14ac:dyDescent="0.15">
      <c r="A270" s="6">
        <v>269</v>
      </c>
      <c r="B270" s="6" t="s">
        <v>80</v>
      </c>
      <c r="C270" s="6" t="s">
        <v>81</v>
      </c>
      <c r="D270" s="6"/>
      <c r="E270" s="6"/>
      <c r="F270" s="6"/>
      <c r="G270" s="9" t="s">
        <v>82</v>
      </c>
      <c r="H270" s="10">
        <v>35462</v>
      </c>
    </row>
    <row r="271" spans="1:8" ht="13.15" customHeight="1" x14ac:dyDescent="0.15">
      <c r="A271" s="6">
        <v>270</v>
      </c>
      <c r="B271" s="6" t="s">
        <v>267</v>
      </c>
      <c r="C271" s="6" t="s">
        <v>268</v>
      </c>
      <c r="D271" s="6"/>
      <c r="E271" s="6"/>
      <c r="F271" s="6"/>
      <c r="G271" s="9" t="s">
        <v>269</v>
      </c>
      <c r="H271" s="10">
        <v>35475</v>
      </c>
    </row>
    <row r="272" spans="1:8" ht="13.15" customHeight="1" x14ac:dyDescent="0.15">
      <c r="A272" s="6">
        <v>271</v>
      </c>
      <c r="B272" s="6" t="s">
        <v>1094</v>
      </c>
      <c r="C272" s="6" t="s">
        <v>1095</v>
      </c>
      <c r="D272" s="6"/>
      <c r="E272" s="6"/>
      <c r="F272" s="6"/>
      <c r="G272" s="9"/>
      <c r="H272" s="10">
        <v>35501</v>
      </c>
    </row>
    <row r="273" spans="1:8" ht="13.15" customHeight="1" x14ac:dyDescent="0.15">
      <c r="A273" s="6">
        <v>272</v>
      </c>
      <c r="B273" s="6" t="s">
        <v>167</v>
      </c>
      <c r="C273" s="6" t="s">
        <v>168</v>
      </c>
      <c r="D273" s="6"/>
      <c r="E273" s="6" t="s">
        <v>2730</v>
      </c>
      <c r="F273" s="6" t="s">
        <v>169</v>
      </c>
      <c r="G273" s="9" t="s">
        <v>170</v>
      </c>
      <c r="H273" s="10">
        <v>35530</v>
      </c>
    </row>
    <row r="274" spans="1:8" ht="13.15" customHeight="1" x14ac:dyDescent="0.15">
      <c r="A274" s="6">
        <v>273</v>
      </c>
      <c r="B274" s="6" t="s">
        <v>2377</v>
      </c>
      <c r="C274" s="6" t="s">
        <v>733</v>
      </c>
      <c r="D274" s="6"/>
      <c r="E274" s="6"/>
      <c r="F274" s="6"/>
      <c r="G274" s="9" t="s">
        <v>734</v>
      </c>
      <c r="H274" s="10">
        <v>35535</v>
      </c>
    </row>
    <row r="275" spans="1:8" ht="13.15" customHeight="1" x14ac:dyDescent="0.15">
      <c r="A275" s="6">
        <v>274</v>
      </c>
      <c r="B275" s="6" t="s">
        <v>951</v>
      </c>
      <c r="C275" s="6" t="s">
        <v>952</v>
      </c>
      <c r="D275" s="6"/>
      <c r="E275" s="6"/>
      <c r="F275" s="6"/>
      <c r="G275" s="9"/>
      <c r="H275" s="10">
        <v>35541</v>
      </c>
    </row>
    <row r="276" spans="1:8" ht="13.15" customHeight="1" x14ac:dyDescent="0.15">
      <c r="A276" s="6">
        <v>275</v>
      </c>
      <c r="B276" s="6" t="s">
        <v>590</v>
      </c>
      <c r="C276" s="6" t="s">
        <v>591</v>
      </c>
      <c r="D276" s="6"/>
      <c r="E276" s="6"/>
      <c r="F276" s="6"/>
      <c r="G276" s="9" t="s">
        <v>592</v>
      </c>
      <c r="H276" s="10">
        <v>35599</v>
      </c>
    </row>
    <row r="277" spans="1:8" ht="13.15" customHeight="1" x14ac:dyDescent="0.15">
      <c r="A277" s="6">
        <v>276</v>
      </c>
      <c r="B277" s="6" t="s">
        <v>1045</v>
      </c>
      <c r="C277" s="6" t="s">
        <v>1046</v>
      </c>
      <c r="D277" s="6"/>
      <c r="E277" s="6"/>
      <c r="F277" s="6"/>
      <c r="G277" s="9"/>
      <c r="H277" s="10">
        <v>35611</v>
      </c>
    </row>
    <row r="278" spans="1:8" ht="13.15" customHeight="1" x14ac:dyDescent="0.15">
      <c r="A278" s="6">
        <v>277</v>
      </c>
      <c r="B278" s="6" t="s">
        <v>117</v>
      </c>
      <c r="C278" s="6" t="s">
        <v>118</v>
      </c>
      <c r="D278" s="6"/>
      <c r="E278" s="6"/>
      <c r="F278" s="6"/>
      <c r="G278" s="9" t="s">
        <v>120</v>
      </c>
      <c r="H278" s="10">
        <v>35615</v>
      </c>
    </row>
    <row r="279" spans="1:8" ht="13.15" customHeight="1" x14ac:dyDescent="0.15">
      <c r="A279" s="6">
        <v>278</v>
      </c>
      <c r="B279" s="6" t="s">
        <v>893</v>
      </c>
      <c r="C279" s="6" t="s">
        <v>894</v>
      </c>
      <c r="D279" s="6"/>
      <c r="E279" s="6"/>
      <c r="F279" s="6"/>
      <c r="G279" s="9"/>
      <c r="H279" s="10">
        <v>35667</v>
      </c>
    </row>
    <row r="280" spans="1:8" ht="13.15" customHeight="1" x14ac:dyDescent="0.15">
      <c r="A280" s="6">
        <v>279</v>
      </c>
      <c r="B280" s="6" t="s">
        <v>531</v>
      </c>
      <c r="C280" s="6" t="s">
        <v>532</v>
      </c>
      <c r="D280" s="6"/>
      <c r="E280" s="6"/>
      <c r="F280" s="6"/>
      <c r="G280" s="9" t="s">
        <v>12</v>
      </c>
      <c r="H280" s="10">
        <v>35691</v>
      </c>
    </row>
    <row r="281" spans="1:8" ht="13.15" customHeight="1" x14ac:dyDescent="0.15">
      <c r="A281" s="6">
        <v>280</v>
      </c>
      <c r="B281" s="6" t="s">
        <v>63</v>
      </c>
      <c r="C281" s="6" t="s">
        <v>64</v>
      </c>
      <c r="D281" s="6"/>
      <c r="E281" s="6"/>
      <c r="F281" s="6"/>
      <c r="G281" s="9" t="s">
        <v>65</v>
      </c>
      <c r="H281" s="10">
        <v>35717</v>
      </c>
    </row>
    <row r="282" spans="1:8" ht="13.15" customHeight="1" x14ac:dyDescent="0.15">
      <c r="A282" s="6">
        <v>281</v>
      </c>
      <c r="B282" s="6" t="s">
        <v>703</v>
      </c>
      <c r="C282" s="6" t="s">
        <v>704</v>
      </c>
      <c r="D282" s="6"/>
      <c r="E282" s="6"/>
      <c r="F282" s="6"/>
      <c r="G282" s="9" t="s">
        <v>705</v>
      </c>
      <c r="H282" s="10">
        <v>35727</v>
      </c>
    </row>
    <row r="283" spans="1:8" ht="13.15" customHeight="1" x14ac:dyDescent="0.15">
      <c r="A283" s="6">
        <v>282</v>
      </c>
      <c r="B283" s="6" t="s">
        <v>402</v>
      </c>
      <c r="C283" s="6" t="s">
        <v>403</v>
      </c>
      <c r="D283" s="6"/>
      <c r="E283" s="6"/>
      <c r="F283" s="6"/>
      <c r="G283" s="9" t="s">
        <v>404</v>
      </c>
      <c r="H283" s="10">
        <v>35727</v>
      </c>
    </row>
    <row r="284" spans="1:8" ht="13.15" customHeight="1" x14ac:dyDescent="0.15">
      <c r="A284" s="6">
        <v>283</v>
      </c>
      <c r="B284" s="6" t="s">
        <v>891</v>
      </c>
      <c r="C284" s="6" t="s">
        <v>892</v>
      </c>
      <c r="D284" s="6"/>
      <c r="E284" s="6"/>
      <c r="F284" s="6"/>
      <c r="G284" s="9"/>
      <c r="H284" s="10">
        <v>35731</v>
      </c>
    </row>
    <row r="285" spans="1:8" ht="13.15" customHeight="1" x14ac:dyDescent="0.15">
      <c r="A285" s="6">
        <v>284</v>
      </c>
      <c r="B285" s="6" t="s">
        <v>366</v>
      </c>
      <c r="C285" s="6" t="s">
        <v>367</v>
      </c>
      <c r="D285" s="6"/>
      <c r="E285" s="6"/>
      <c r="F285" s="6"/>
      <c r="G285" s="9" t="s">
        <v>368</v>
      </c>
      <c r="H285" s="10">
        <v>35754</v>
      </c>
    </row>
    <row r="286" spans="1:8" ht="13.15" customHeight="1" x14ac:dyDescent="0.15">
      <c r="A286" s="6">
        <v>285</v>
      </c>
      <c r="B286" s="6" t="s">
        <v>917</v>
      </c>
      <c r="C286" s="6" t="s">
        <v>918</v>
      </c>
      <c r="D286" s="6"/>
      <c r="E286" s="6"/>
      <c r="F286" s="6"/>
      <c r="G286" s="9"/>
      <c r="H286" s="10">
        <v>35762</v>
      </c>
    </row>
    <row r="287" spans="1:8" ht="13.15" customHeight="1" x14ac:dyDescent="0.15">
      <c r="A287" s="6">
        <v>286</v>
      </c>
      <c r="B287" s="6" t="s">
        <v>219</v>
      </c>
      <c r="C287" s="6" t="s">
        <v>220</v>
      </c>
      <c r="D287" s="6"/>
      <c r="E287" s="6"/>
      <c r="F287" s="6"/>
      <c r="G287" s="9" t="s">
        <v>221</v>
      </c>
      <c r="H287" s="10">
        <v>35780</v>
      </c>
    </row>
    <row r="288" spans="1:8" ht="13.15" customHeight="1" x14ac:dyDescent="0.15">
      <c r="A288" s="6">
        <v>287</v>
      </c>
      <c r="B288" s="6" t="s">
        <v>515</v>
      </c>
      <c r="C288" s="6" t="s">
        <v>516</v>
      </c>
      <c r="D288" s="6"/>
      <c r="E288" s="6"/>
      <c r="F288" s="6"/>
      <c r="G288" s="9" t="s">
        <v>517</v>
      </c>
      <c r="H288" s="10">
        <v>35781</v>
      </c>
    </row>
    <row r="289" spans="1:8" ht="13.15" customHeight="1" x14ac:dyDescent="0.15">
      <c r="A289" s="6">
        <v>288</v>
      </c>
      <c r="B289" s="6" t="s">
        <v>889</v>
      </c>
      <c r="C289" s="6" t="s">
        <v>890</v>
      </c>
      <c r="D289" s="6"/>
      <c r="E289" s="6"/>
      <c r="F289" s="6"/>
      <c r="G289" s="9"/>
      <c r="H289" s="10">
        <v>35788</v>
      </c>
    </row>
    <row r="290" spans="1:8" ht="13.15" customHeight="1" x14ac:dyDescent="0.15">
      <c r="A290" s="6">
        <v>289</v>
      </c>
      <c r="B290" s="6" t="s">
        <v>498</v>
      </c>
      <c r="C290" s="6" t="s">
        <v>499</v>
      </c>
      <c r="D290" s="6"/>
      <c r="E290" s="6" t="s">
        <v>2698</v>
      </c>
      <c r="F290" s="6" t="s">
        <v>500</v>
      </c>
      <c r="G290" s="9" t="s">
        <v>501</v>
      </c>
      <c r="H290" s="10">
        <v>35815</v>
      </c>
    </row>
    <row r="291" spans="1:8" ht="13.15" customHeight="1" x14ac:dyDescent="0.15">
      <c r="A291" s="6">
        <v>290</v>
      </c>
      <c r="B291" s="6" t="s">
        <v>198</v>
      </c>
      <c r="C291" s="6" t="s">
        <v>199</v>
      </c>
      <c r="D291" s="6"/>
      <c r="E291" s="6"/>
      <c r="F291" s="6"/>
      <c r="G291" s="9" t="s">
        <v>200</v>
      </c>
      <c r="H291" s="10">
        <v>35852</v>
      </c>
    </row>
    <row r="292" spans="1:8" ht="13.15" customHeight="1" x14ac:dyDescent="0.15">
      <c r="A292" s="6">
        <v>291</v>
      </c>
      <c r="B292" s="6" t="s">
        <v>608</v>
      </c>
      <c r="C292" s="6" t="s">
        <v>900</v>
      </c>
      <c r="D292" s="6"/>
      <c r="E292" s="6"/>
      <c r="F292" s="6"/>
      <c r="G292" s="9"/>
      <c r="H292" s="10">
        <v>35853</v>
      </c>
    </row>
    <row r="293" spans="1:8" ht="13.15" customHeight="1" x14ac:dyDescent="0.15">
      <c r="A293" s="6">
        <v>292</v>
      </c>
      <c r="B293" s="6" t="s">
        <v>318</v>
      </c>
      <c r="C293" s="6" t="s">
        <v>319</v>
      </c>
      <c r="D293" s="6"/>
      <c r="E293" s="6" t="s">
        <v>2696</v>
      </c>
      <c r="F293" s="6" t="s">
        <v>320</v>
      </c>
      <c r="G293" s="9" t="s">
        <v>321</v>
      </c>
      <c r="H293" s="10">
        <v>35856</v>
      </c>
    </row>
    <row r="294" spans="1:8" ht="13.15" customHeight="1" x14ac:dyDescent="0.15">
      <c r="A294" s="6">
        <v>293</v>
      </c>
      <c r="B294" s="6" t="s">
        <v>287</v>
      </c>
      <c r="C294" s="6" t="s">
        <v>288</v>
      </c>
      <c r="D294" s="6"/>
      <c r="E294" s="6"/>
      <c r="F294" s="6"/>
      <c r="G294" s="9" t="s">
        <v>289</v>
      </c>
      <c r="H294" s="10">
        <v>35863</v>
      </c>
    </row>
    <row r="295" spans="1:8" ht="13.15" customHeight="1" x14ac:dyDescent="0.15">
      <c r="A295" s="6">
        <v>294</v>
      </c>
      <c r="B295" s="6" t="s">
        <v>1043</v>
      </c>
      <c r="C295" s="6" t="s">
        <v>1044</v>
      </c>
      <c r="D295" s="6"/>
      <c r="E295" s="6"/>
      <c r="F295" s="6"/>
      <c r="G295" s="9"/>
      <c r="H295" s="10">
        <v>35871</v>
      </c>
    </row>
    <row r="296" spans="1:8" ht="13.15" customHeight="1" x14ac:dyDescent="0.15">
      <c r="A296" s="6">
        <v>295</v>
      </c>
      <c r="B296" s="6" t="s">
        <v>114</v>
      </c>
      <c r="C296" s="6" t="s">
        <v>115</v>
      </c>
      <c r="D296" s="6"/>
      <c r="E296" s="6"/>
      <c r="F296" s="6"/>
      <c r="G296" s="9" t="s">
        <v>116</v>
      </c>
      <c r="H296" s="10">
        <v>35872</v>
      </c>
    </row>
    <row r="297" spans="1:8" x14ac:dyDescent="0.15">
      <c r="A297" s="6">
        <v>296</v>
      </c>
      <c r="B297" s="6" t="s">
        <v>536</v>
      </c>
      <c r="C297" s="6" t="s">
        <v>537</v>
      </c>
      <c r="D297" s="6"/>
      <c r="E297" s="6"/>
      <c r="F297" s="6"/>
      <c r="G297" s="9" t="s">
        <v>539</v>
      </c>
      <c r="H297" s="10">
        <v>35906</v>
      </c>
    </row>
    <row r="298" spans="1:8" ht="13.15" customHeight="1" x14ac:dyDescent="0.15">
      <c r="A298" s="6">
        <v>297</v>
      </c>
      <c r="B298" s="6" t="s">
        <v>887</v>
      </c>
      <c r="C298" s="6" t="s">
        <v>888</v>
      </c>
      <c r="D298" s="6"/>
      <c r="E298" s="6"/>
      <c r="F298" s="6"/>
      <c r="G298" s="9"/>
      <c r="H298" s="10">
        <v>35923</v>
      </c>
    </row>
    <row r="299" spans="1:8" ht="13.15" customHeight="1" x14ac:dyDescent="0.15">
      <c r="A299" s="6">
        <v>298</v>
      </c>
      <c r="B299" s="6" t="s">
        <v>6</v>
      </c>
      <c r="C299" s="6" t="s">
        <v>7</v>
      </c>
      <c r="D299" s="6"/>
      <c r="E299" s="6"/>
      <c r="F299" s="6"/>
      <c r="G299" s="9" t="s">
        <v>8</v>
      </c>
      <c r="H299" s="10">
        <v>35976</v>
      </c>
    </row>
    <row r="300" spans="1:8" ht="13.15" customHeight="1" x14ac:dyDescent="0.15">
      <c r="A300" s="6">
        <v>299</v>
      </c>
      <c r="B300" s="6" t="s">
        <v>542</v>
      </c>
      <c r="C300" s="6" t="s">
        <v>543</v>
      </c>
      <c r="D300" s="6"/>
      <c r="E300" s="6"/>
      <c r="F300" s="6"/>
      <c r="G300" s="9" t="s">
        <v>544</v>
      </c>
      <c r="H300" s="10">
        <v>35977</v>
      </c>
    </row>
    <row r="301" spans="1:8" ht="13.15" customHeight="1" x14ac:dyDescent="0.15">
      <c r="A301" s="6">
        <v>300</v>
      </c>
      <c r="B301" s="6" t="s">
        <v>274</v>
      </c>
      <c r="C301" s="6" t="s">
        <v>275</v>
      </c>
      <c r="D301" s="6"/>
      <c r="E301" s="6"/>
      <c r="F301" s="6"/>
      <c r="G301" s="9" t="s">
        <v>276</v>
      </c>
      <c r="H301" s="10">
        <v>35983</v>
      </c>
    </row>
    <row r="302" spans="1:8" ht="13.15" customHeight="1" x14ac:dyDescent="0.15">
      <c r="A302" s="6">
        <v>301</v>
      </c>
      <c r="B302" s="6" t="s">
        <v>1041</v>
      </c>
      <c r="C302" s="6" t="s">
        <v>1042</v>
      </c>
      <c r="D302" s="6"/>
      <c r="E302" s="6"/>
      <c r="F302" s="6"/>
      <c r="G302" s="9"/>
      <c r="H302" s="10">
        <v>36060</v>
      </c>
    </row>
    <row r="303" spans="1:8" ht="13.15" customHeight="1" x14ac:dyDescent="0.15">
      <c r="A303" s="6">
        <v>302</v>
      </c>
      <c r="B303" s="6" t="s">
        <v>252</v>
      </c>
      <c r="C303" s="6" t="s">
        <v>253</v>
      </c>
      <c r="D303" s="6"/>
      <c r="E303" s="6" t="s">
        <v>1844</v>
      </c>
      <c r="F303" s="6" t="s">
        <v>251</v>
      </c>
      <c r="G303" s="9" t="s">
        <v>254</v>
      </c>
      <c r="H303" s="10">
        <v>36083</v>
      </c>
    </row>
    <row r="304" spans="1:8" ht="13.15" customHeight="1" x14ac:dyDescent="0.15">
      <c r="A304" s="6">
        <v>303</v>
      </c>
      <c r="B304" s="6" t="s">
        <v>2362</v>
      </c>
      <c r="C304" s="6" t="s">
        <v>800</v>
      </c>
      <c r="D304" s="6"/>
      <c r="E304" s="6" t="s">
        <v>2728</v>
      </c>
      <c r="F304" s="6" t="s">
        <v>66</v>
      </c>
      <c r="G304" s="9" t="s">
        <v>801</v>
      </c>
      <c r="H304" s="10">
        <v>36096</v>
      </c>
    </row>
    <row r="305" spans="1:8" ht="13.15" customHeight="1" x14ac:dyDescent="0.15">
      <c r="A305" s="6">
        <v>304</v>
      </c>
      <c r="B305" s="6" t="s">
        <v>177</v>
      </c>
      <c r="C305" s="6" t="s">
        <v>178</v>
      </c>
      <c r="D305" s="6"/>
      <c r="E305" s="6"/>
      <c r="F305" s="6"/>
      <c r="G305" s="9" t="s">
        <v>179</v>
      </c>
      <c r="H305" s="10">
        <v>36102</v>
      </c>
    </row>
    <row r="306" spans="1:8" ht="13.15" customHeight="1" x14ac:dyDescent="0.15">
      <c r="A306" s="6">
        <v>305</v>
      </c>
      <c r="B306" s="6" t="s">
        <v>789</v>
      </c>
      <c r="C306" s="6" t="s">
        <v>790</v>
      </c>
      <c r="D306" s="6"/>
      <c r="E306" s="6"/>
      <c r="F306" s="6"/>
      <c r="G306" s="9" t="s">
        <v>791</v>
      </c>
      <c r="H306" s="10">
        <v>36154</v>
      </c>
    </row>
    <row r="307" spans="1:8" ht="13.15" customHeight="1" x14ac:dyDescent="0.15">
      <c r="A307" s="6">
        <v>306</v>
      </c>
      <c r="B307" s="6" t="s">
        <v>379</v>
      </c>
      <c r="C307" s="6" t="s">
        <v>380</v>
      </c>
      <c r="D307" s="6"/>
      <c r="E307" s="6"/>
      <c r="F307" s="6"/>
      <c r="G307" s="9" t="s">
        <v>378</v>
      </c>
      <c r="H307" s="10">
        <v>36179</v>
      </c>
    </row>
    <row r="308" spans="1:8" ht="13.15" customHeight="1" x14ac:dyDescent="0.15">
      <c r="A308" s="6">
        <v>307</v>
      </c>
      <c r="B308" s="6" t="s">
        <v>391</v>
      </c>
      <c r="C308" s="6" t="s">
        <v>392</v>
      </c>
      <c r="D308" s="6"/>
      <c r="E308" s="6"/>
      <c r="F308" s="6"/>
      <c r="G308" s="9" t="s">
        <v>393</v>
      </c>
      <c r="H308" s="10">
        <v>36232</v>
      </c>
    </row>
    <row r="309" spans="1:8" ht="13.15" customHeight="1" x14ac:dyDescent="0.15">
      <c r="A309" s="6">
        <v>308</v>
      </c>
      <c r="B309" s="6" t="s">
        <v>30</v>
      </c>
      <c r="C309" s="6" t="s">
        <v>31</v>
      </c>
      <c r="D309" s="6"/>
      <c r="E309" s="6"/>
      <c r="F309" s="6"/>
      <c r="G309" s="9" t="s">
        <v>32</v>
      </c>
      <c r="H309" s="10">
        <v>36242</v>
      </c>
    </row>
    <row r="310" spans="1:8" ht="13.15" customHeight="1" x14ac:dyDescent="0.15">
      <c r="A310" s="6">
        <v>309</v>
      </c>
      <c r="B310" s="6" t="s">
        <v>687</v>
      </c>
      <c r="C310" s="6" t="s">
        <v>688</v>
      </c>
      <c r="D310" s="6"/>
      <c r="E310" s="6"/>
      <c r="F310" s="6"/>
      <c r="G310" s="9" t="s">
        <v>689</v>
      </c>
      <c r="H310" s="10">
        <v>36269</v>
      </c>
    </row>
    <row r="311" spans="1:8" ht="13.15" customHeight="1" x14ac:dyDescent="0.15">
      <c r="A311" s="6">
        <v>310</v>
      </c>
      <c r="B311" s="6" t="s">
        <v>193</v>
      </c>
      <c r="C311" s="6" t="s">
        <v>194</v>
      </c>
      <c r="D311" s="6"/>
      <c r="E311" s="6"/>
      <c r="F311" s="6"/>
      <c r="G311" s="9" t="s">
        <v>196</v>
      </c>
      <c r="H311" s="10">
        <v>36280</v>
      </c>
    </row>
    <row r="312" spans="1:8" ht="13.15" customHeight="1" x14ac:dyDescent="0.15">
      <c r="A312" s="6">
        <v>311</v>
      </c>
      <c r="B312" s="6" t="s">
        <v>885</v>
      </c>
      <c r="C312" s="6" t="s">
        <v>886</v>
      </c>
      <c r="D312" s="6"/>
      <c r="E312" s="6"/>
      <c r="F312" s="6"/>
      <c r="G312" s="9"/>
      <c r="H312" s="10">
        <v>36293</v>
      </c>
    </row>
    <row r="313" spans="1:8" ht="13.15" customHeight="1" x14ac:dyDescent="0.15">
      <c r="A313" s="6">
        <v>312</v>
      </c>
      <c r="B313" s="6" t="s">
        <v>208</v>
      </c>
      <c r="C313" s="6" t="s">
        <v>209</v>
      </c>
      <c r="D313" s="6"/>
      <c r="E313" s="6" t="s">
        <v>2699</v>
      </c>
      <c r="F313" s="6" t="s">
        <v>210</v>
      </c>
      <c r="G313" s="9" t="s">
        <v>211</v>
      </c>
      <c r="H313" s="10">
        <v>36350</v>
      </c>
    </row>
    <row r="314" spans="1:8" ht="13.15" customHeight="1" x14ac:dyDescent="0.15">
      <c r="A314" s="6">
        <v>313</v>
      </c>
      <c r="B314" s="6" t="s">
        <v>149</v>
      </c>
      <c r="C314" s="6" t="s">
        <v>150</v>
      </c>
      <c r="D314" s="6"/>
      <c r="E314" s="6" t="s">
        <v>2700</v>
      </c>
      <c r="F314" s="6" t="s">
        <v>151</v>
      </c>
      <c r="G314" s="9" t="s">
        <v>152</v>
      </c>
      <c r="H314" s="10">
        <v>36378</v>
      </c>
    </row>
    <row r="315" spans="1:8" ht="13.15" customHeight="1" x14ac:dyDescent="0.15">
      <c r="A315" s="6">
        <v>314</v>
      </c>
      <c r="B315" s="6" t="s">
        <v>171</v>
      </c>
      <c r="C315" s="6" t="s">
        <v>172</v>
      </c>
      <c r="D315" s="6"/>
      <c r="E315" s="6"/>
      <c r="F315" s="6"/>
      <c r="G315" s="9" t="s">
        <v>173</v>
      </c>
      <c r="H315" s="10">
        <v>36465</v>
      </c>
    </row>
    <row r="316" spans="1:8" ht="13.15" customHeight="1" x14ac:dyDescent="0.15">
      <c r="A316" s="6">
        <v>315</v>
      </c>
      <c r="B316" s="6" t="s">
        <v>261</v>
      </c>
      <c r="C316" s="6" t="s">
        <v>262</v>
      </c>
      <c r="D316" s="6"/>
      <c r="E316" s="6"/>
      <c r="F316" s="6"/>
      <c r="G316" s="9" t="s">
        <v>263</v>
      </c>
      <c r="H316" s="10">
        <v>36521</v>
      </c>
    </row>
    <row r="317" spans="1:8" ht="13.15" customHeight="1" x14ac:dyDescent="0.15">
      <c r="A317" s="6">
        <v>316</v>
      </c>
      <c r="B317" s="6" t="s">
        <v>949</v>
      </c>
      <c r="C317" s="6" t="s">
        <v>950</v>
      </c>
      <c r="D317" s="6"/>
      <c r="E317" s="6"/>
      <c r="F317" s="6"/>
      <c r="G317" s="9"/>
      <c r="H317" s="10">
        <v>36567</v>
      </c>
    </row>
    <row r="318" spans="1:8" ht="13.15" customHeight="1" x14ac:dyDescent="0.15">
      <c r="A318" s="6">
        <v>317</v>
      </c>
      <c r="B318" s="6" t="s">
        <v>713</v>
      </c>
      <c r="C318" s="6" t="s">
        <v>714</v>
      </c>
      <c r="D318" s="6"/>
      <c r="E318" s="6"/>
      <c r="F318" s="6"/>
      <c r="G318" s="9" t="s">
        <v>715</v>
      </c>
      <c r="H318" s="10">
        <v>36574</v>
      </c>
    </row>
    <row r="319" spans="1:8" ht="13.15" customHeight="1" x14ac:dyDescent="0.15">
      <c r="A319" s="6">
        <v>318</v>
      </c>
      <c r="B319" s="6" t="s">
        <v>722</v>
      </c>
      <c r="C319" s="6" t="s">
        <v>723</v>
      </c>
      <c r="D319" s="6"/>
      <c r="E319" s="6"/>
      <c r="F319" s="6"/>
      <c r="G319" s="9" t="s">
        <v>724</v>
      </c>
      <c r="H319" s="10">
        <v>36579</v>
      </c>
    </row>
    <row r="320" spans="1:8" ht="13.15" customHeight="1" x14ac:dyDescent="0.15">
      <c r="A320" s="6">
        <v>319</v>
      </c>
      <c r="B320" s="6" t="s">
        <v>725</v>
      </c>
      <c r="C320" s="6" t="s">
        <v>726</v>
      </c>
      <c r="D320" s="6"/>
      <c r="E320" s="6"/>
      <c r="F320" s="6"/>
      <c r="G320" s="9" t="s">
        <v>727</v>
      </c>
      <c r="H320" s="10">
        <v>36609</v>
      </c>
    </row>
    <row r="321" spans="1:8" ht="13.15" customHeight="1" x14ac:dyDescent="0.15">
      <c r="A321" s="6">
        <v>320</v>
      </c>
      <c r="B321" s="6" t="s">
        <v>719</v>
      </c>
      <c r="C321" s="6" t="s">
        <v>720</v>
      </c>
      <c r="D321" s="6"/>
      <c r="E321" s="6"/>
      <c r="F321" s="6"/>
      <c r="G321" s="9" t="s">
        <v>721</v>
      </c>
      <c r="H321" s="10">
        <v>36669</v>
      </c>
    </row>
    <row r="322" spans="1:8" ht="13.15" customHeight="1" x14ac:dyDescent="0.15">
      <c r="A322" s="6">
        <v>321</v>
      </c>
      <c r="B322" s="6" t="s">
        <v>183</v>
      </c>
      <c r="C322" s="6" t="s">
        <v>184</v>
      </c>
      <c r="D322" s="6"/>
      <c r="E322" s="6"/>
      <c r="F322" s="6"/>
      <c r="G322" s="9" t="s">
        <v>185</v>
      </c>
      <c r="H322" s="10">
        <v>36672</v>
      </c>
    </row>
    <row r="323" spans="1:8" ht="13.15" customHeight="1" x14ac:dyDescent="0.15">
      <c r="A323" s="6">
        <v>322</v>
      </c>
      <c r="B323" s="6" t="s">
        <v>694</v>
      </c>
      <c r="C323" s="6" t="s">
        <v>695</v>
      </c>
      <c r="D323" s="6"/>
      <c r="E323" s="6"/>
      <c r="F323" s="6"/>
      <c r="G323" s="9" t="s">
        <v>696</v>
      </c>
      <c r="H323" s="10">
        <v>36706</v>
      </c>
    </row>
    <row r="324" spans="1:8" x14ac:dyDescent="0.15">
      <c r="A324" s="6">
        <v>323</v>
      </c>
      <c r="B324" s="6" t="s">
        <v>13</v>
      </c>
      <c r="C324" s="6" t="s">
        <v>14</v>
      </c>
      <c r="D324" s="6"/>
      <c r="E324" s="6"/>
      <c r="F324" s="6"/>
      <c r="G324" s="9" t="s">
        <v>15</v>
      </c>
      <c r="H324" s="10">
        <v>36713</v>
      </c>
    </row>
    <row r="325" spans="1:8" ht="13.15" customHeight="1" x14ac:dyDescent="0.15">
      <c r="A325" s="6">
        <v>324</v>
      </c>
      <c r="B325" s="6" t="s">
        <v>533</v>
      </c>
      <c r="C325" s="6" t="s">
        <v>534</v>
      </c>
      <c r="D325" s="6"/>
      <c r="E325" s="6" t="s">
        <v>2701</v>
      </c>
      <c r="F325" s="6" t="s">
        <v>534</v>
      </c>
      <c r="G325" s="9" t="s">
        <v>535</v>
      </c>
      <c r="H325" s="10">
        <v>36720</v>
      </c>
    </row>
    <row r="326" spans="1:8" ht="13.15" customHeight="1" x14ac:dyDescent="0.15">
      <c r="A326" s="6">
        <v>325</v>
      </c>
      <c r="B326" s="6" t="s">
        <v>27</v>
      </c>
      <c r="C326" s="6" t="s">
        <v>26</v>
      </c>
      <c r="D326" s="6"/>
      <c r="E326" s="6" t="s">
        <v>2702</v>
      </c>
      <c r="F326" s="6" t="s">
        <v>28</v>
      </c>
      <c r="G326" s="9" t="s">
        <v>29</v>
      </c>
      <c r="H326" s="10">
        <v>36724</v>
      </c>
    </row>
    <row r="327" spans="1:8" ht="13.15" customHeight="1" x14ac:dyDescent="0.15">
      <c r="A327" s="6">
        <v>326</v>
      </c>
      <c r="B327" s="6" t="s">
        <v>53</v>
      </c>
      <c r="C327" s="6" t="s">
        <v>54</v>
      </c>
      <c r="D327" s="6"/>
      <c r="E327" s="6" t="s">
        <v>2702</v>
      </c>
      <c r="F327" s="6" t="s">
        <v>28</v>
      </c>
      <c r="G327" s="9" t="s">
        <v>286</v>
      </c>
      <c r="H327" s="10">
        <v>36724</v>
      </c>
    </row>
    <row r="328" spans="1:8" ht="13.15" customHeight="1" x14ac:dyDescent="0.15">
      <c r="A328" s="6">
        <v>327</v>
      </c>
      <c r="B328" s="6" t="s">
        <v>205</v>
      </c>
      <c r="C328" s="6" t="s">
        <v>206</v>
      </c>
      <c r="D328" s="6"/>
      <c r="E328" s="6"/>
      <c r="F328" s="6"/>
      <c r="G328" s="9" t="s">
        <v>207</v>
      </c>
      <c r="H328" s="10">
        <v>36741</v>
      </c>
    </row>
    <row r="329" spans="1:8" ht="13.15" customHeight="1" x14ac:dyDescent="0.15">
      <c r="A329" s="6">
        <v>328</v>
      </c>
      <c r="B329" s="6" t="s">
        <v>883</v>
      </c>
      <c r="C329" s="6" t="s">
        <v>884</v>
      </c>
      <c r="D329" s="6"/>
      <c r="E329" s="6"/>
      <c r="F329" s="6"/>
      <c r="G329" s="9"/>
      <c r="H329" s="10">
        <v>36770</v>
      </c>
    </row>
    <row r="330" spans="1:8" ht="13.15" customHeight="1" x14ac:dyDescent="0.15">
      <c r="A330" s="6">
        <v>329</v>
      </c>
      <c r="B330" s="6" t="s">
        <v>9</v>
      </c>
      <c r="C330" s="6" t="s">
        <v>10</v>
      </c>
      <c r="D330" s="6"/>
      <c r="E330" s="6"/>
      <c r="F330" s="6"/>
      <c r="G330" s="9" t="s">
        <v>11</v>
      </c>
      <c r="H330" s="10">
        <v>36788</v>
      </c>
    </row>
    <row r="331" spans="1:8" ht="13.15" customHeight="1" x14ac:dyDescent="0.15">
      <c r="A331" s="6">
        <v>330</v>
      </c>
      <c r="B331" s="6" t="s">
        <v>50</v>
      </c>
      <c r="C331" s="6" t="s">
        <v>51</v>
      </c>
      <c r="D331" s="6"/>
      <c r="E331" s="6"/>
      <c r="F331" s="6"/>
      <c r="G331" s="9" t="s">
        <v>52</v>
      </c>
      <c r="H331" s="10">
        <v>36797</v>
      </c>
    </row>
    <row r="332" spans="1:8" ht="13.15" customHeight="1" x14ac:dyDescent="0.15">
      <c r="A332" s="6">
        <v>331</v>
      </c>
      <c r="B332" s="6" t="s">
        <v>772</v>
      </c>
      <c r="C332" s="6" t="s">
        <v>773</v>
      </c>
      <c r="D332" s="6"/>
      <c r="E332" s="6"/>
      <c r="F332" s="6"/>
      <c r="G332" s="9" t="s">
        <v>774</v>
      </c>
      <c r="H332" s="10">
        <v>36802</v>
      </c>
    </row>
    <row r="333" spans="1:8" ht="13.15" customHeight="1" x14ac:dyDescent="0.15">
      <c r="A333" s="6">
        <v>332</v>
      </c>
      <c r="B333" s="6" t="s">
        <v>716</v>
      </c>
      <c r="C333" s="6" t="s">
        <v>717</v>
      </c>
      <c r="D333" s="6"/>
      <c r="E333" s="6"/>
      <c r="F333" s="6"/>
      <c r="G333" s="9" t="s">
        <v>718</v>
      </c>
      <c r="H333" s="10">
        <v>36837</v>
      </c>
    </row>
    <row r="334" spans="1:8" ht="13.15" customHeight="1" x14ac:dyDescent="0.15">
      <c r="A334" s="6">
        <v>333</v>
      </c>
      <c r="B334" s="6" t="s">
        <v>624</v>
      </c>
      <c r="C334" s="6" t="s">
        <v>625</v>
      </c>
      <c r="D334" s="6"/>
      <c r="E334" s="6"/>
      <c r="F334" s="6"/>
      <c r="G334" s="9" t="s">
        <v>626</v>
      </c>
      <c r="H334" s="10">
        <v>36859</v>
      </c>
    </row>
    <row r="335" spans="1:8" ht="13.15" customHeight="1" x14ac:dyDescent="0.15">
      <c r="A335" s="6">
        <v>334</v>
      </c>
      <c r="B335" s="6" t="s">
        <v>153</v>
      </c>
      <c r="C335" s="6" t="s">
        <v>154</v>
      </c>
      <c r="D335" s="6"/>
      <c r="E335" s="6" t="s">
        <v>2702</v>
      </c>
      <c r="F335" s="6" t="s">
        <v>155</v>
      </c>
      <c r="G335" s="9" t="s">
        <v>156</v>
      </c>
      <c r="H335" s="10">
        <v>36944</v>
      </c>
    </row>
    <row r="336" spans="1:8" ht="13.15" customHeight="1" x14ac:dyDescent="0.15">
      <c r="A336" s="6">
        <v>335</v>
      </c>
      <c r="B336" s="6" t="s">
        <v>1037</v>
      </c>
      <c r="C336" s="6" t="s">
        <v>1038</v>
      </c>
      <c r="D336" s="6"/>
      <c r="E336" s="6" t="s">
        <v>2703</v>
      </c>
      <c r="F336" s="6" t="s">
        <v>1039</v>
      </c>
      <c r="G336" s="9"/>
      <c r="H336" s="10">
        <v>36950</v>
      </c>
    </row>
    <row r="337" spans="1:8" ht="13.15" customHeight="1" x14ac:dyDescent="0.15">
      <c r="A337" s="6">
        <v>336</v>
      </c>
      <c r="B337" s="6" t="s">
        <v>763</v>
      </c>
      <c r="C337" s="6" t="s">
        <v>764</v>
      </c>
      <c r="D337" s="6"/>
      <c r="E337" s="6"/>
      <c r="F337" s="6"/>
      <c r="G337" s="9" t="s">
        <v>765</v>
      </c>
      <c r="H337" s="10">
        <v>37077</v>
      </c>
    </row>
    <row r="338" spans="1:8" ht="13.15" customHeight="1" x14ac:dyDescent="0.15">
      <c r="A338" s="6">
        <v>337</v>
      </c>
      <c r="B338" s="6" t="s">
        <v>549</v>
      </c>
      <c r="C338" s="6" t="s">
        <v>550</v>
      </c>
      <c r="D338" s="6"/>
      <c r="E338" s="6" t="s">
        <v>2704</v>
      </c>
      <c r="F338" s="6" t="s">
        <v>551</v>
      </c>
      <c r="G338" s="9" t="s">
        <v>552</v>
      </c>
      <c r="H338" s="10">
        <v>37082</v>
      </c>
    </row>
    <row r="339" spans="1:8" ht="13.15" customHeight="1" x14ac:dyDescent="0.15">
      <c r="A339" s="6">
        <v>338</v>
      </c>
      <c r="B339" s="6" t="s">
        <v>164</v>
      </c>
      <c r="C339" s="6" t="s">
        <v>165</v>
      </c>
      <c r="D339" s="6"/>
      <c r="E339" s="6"/>
      <c r="F339" s="6"/>
      <c r="G339" s="9" t="s">
        <v>166</v>
      </c>
      <c r="H339" s="10">
        <v>37085</v>
      </c>
    </row>
    <row r="340" spans="1:8" ht="13.15" customHeight="1" x14ac:dyDescent="0.15">
      <c r="A340" s="6">
        <v>339</v>
      </c>
      <c r="B340" s="6" t="s">
        <v>881</v>
      </c>
      <c r="C340" s="6" t="s">
        <v>882</v>
      </c>
      <c r="D340" s="6"/>
      <c r="E340" s="6"/>
      <c r="F340" s="6"/>
      <c r="G340" s="9"/>
      <c r="H340" s="10">
        <v>37104</v>
      </c>
    </row>
    <row r="341" spans="1:8" ht="13.15" customHeight="1" x14ac:dyDescent="0.15">
      <c r="A341" s="6">
        <v>340</v>
      </c>
      <c r="B341" s="6" t="s">
        <v>18</v>
      </c>
      <c r="C341" s="6" t="s">
        <v>19</v>
      </c>
      <c r="D341" s="6"/>
      <c r="E341" s="6"/>
      <c r="F341" s="6"/>
      <c r="G341" s="9" t="s">
        <v>20</v>
      </c>
      <c r="H341" s="10">
        <v>37110</v>
      </c>
    </row>
    <row r="342" spans="1:8" ht="13.15" customHeight="1" x14ac:dyDescent="0.15">
      <c r="A342" s="6">
        <v>341</v>
      </c>
      <c r="B342" s="6" t="s">
        <v>945</v>
      </c>
      <c r="C342" s="6" t="s">
        <v>946</v>
      </c>
      <c r="D342" s="6"/>
      <c r="E342" s="6"/>
      <c r="F342" s="6"/>
      <c r="G342" s="9"/>
      <c r="H342" s="10">
        <v>37165</v>
      </c>
    </row>
    <row r="343" spans="1:8" ht="13.15" customHeight="1" x14ac:dyDescent="0.15">
      <c r="A343" s="6">
        <v>342</v>
      </c>
      <c r="B343" s="6" t="s">
        <v>947</v>
      </c>
      <c r="C343" s="6" t="s">
        <v>948</v>
      </c>
      <c r="D343" s="6"/>
      <c r="E343" s="6"/>
      <c r="F343" s="6"/>
      <c r="G343" s="9"/>
      <c r="H343" s="10">
        <v>37216</v>
      </c>
    </row>
    <row r="344" spans="1:8" ht="13.15" customHeight="1" x14ac:dyDescent="0.15">
      <c r="A344" s="6">
        <v>343</v>
      </c>
      <c r="B344" s="6" t="s">
        <v>767</v>
      </c>
      <c r="C344" s="6" t="s">
        <v>768</v>
      </c>
      <c r="D344" s="6"/>
      <c r="E344" s="6"/>
      <c r="F344" s="6"/>
      <c r="G344" s="9" t="s">
        <v>769</v>
      </c>
      <c r="H344" s="10">
        <v>37228</v>
      </c>
    </row>
    <row r="345" spans="1:8" ht="13.15" customHeight="1" x14ac:dyDescent="0.15">
      <c r="A345" s="6">
        <v>344</v>
      </c>
      <c r="B345" s="6" t="s">
        <v>664</v>
      </c>
      <c r="C345" s="6" t="s">
        <v>665</v>
      </c>
      <c r="D345" s="6"/>
      <c r="E345" s="6"/>
      <c r="F345" s="6"/>
      <c r="G345" s="9" t="s">
        <v>666</v>
      </c>
      <c r="H345" s="10">
        <v>37315</v>
      </c>
    </row>
    <row r="346" spans="1:8" ht="13.15" customHeight="1" x14ac:dyDescent="0.15">
      <c r="A346" s="6">
        <v>345</v>
      </c>
      <c r="B346" s="6" t="s">
        <v>1096</v>
      </c>
      <c r="C346" s="6" t="s">
        <v>1097</v>
      </c>
      <c r="D346" s="6"/>
      <c r="E346" s="6"/>
      <c r="F346" s="6"/>
      <c r="G346" s="9"/>
      <c r="H346" s="10">
        <v>37340</v>
      </c>
    </row>
    <row r="347" spans="1:8" ht="13.15" customHeight="1" x14ac:dyDescent="0.15">
      <c r="A347" s="6">
        <v>346</v>
      </c>
      <c r="B347" s="6" t="s">
        <v>190</v>
      </c>
      <c r="C347" s="6" t="s">
        <v>191</v>
      </c>
      <c r="D347" s="6"/>
      <c r="E347" s="6"/>
      <c r="F347" s="6"/>
      <c r="G347" s="9" t="s">
        <v>192</v>
      </c>
      <c r="H347" s="10">
        <v>37341</v>
      </c>
    </row>
    <row r="348" spans="1:8" ht="13.15" customHeight="1" x14ac:dyDescent="0.15">
      <c r="A348" s="6">
        <v>347</v>
      </c>
      <c r="B348" s="6" t="s">
        <v>572</v>
      </c>
      <c r="C348" s="6" t="s">
        <v>573</v>
      </c>
      <c r="D348" s="6"/>
      <c r="E348" s="6"/>
      <c r="F348" s="6"/>
      <c r="G348" s="9" t="s">
        <v>574</v>
      </c>
      <c r="H348" s="10">
        <v>37348</v>
      </c>
    </row>
    <row r="349" spans="1:8" ht="13.15" customHeight="1" x14ac:dyDescent="0.15">
      <c r="A349" s="6">
        <v>348</v>
      </c>
      <c r="B349" s="6" t="s">
        <v>1035</v>
      </c>
      <c r="C349" s="6" t="s">
        <v>1036</v>
      </c>
      <c r="D349" s="6"/>
      <c r="E349" s="6"/>
      <c r="F349" s="6"/>
      <c r="G349" s="9"/>
      <c r="H349" s="10">
        <v>37351</v>
      </c>
    </row>
    <row r="350" spans="1:8" ht="13.15" customHeight="1" x14ac:dyDescent="0.15">
      <c r="A350" s="6">
        <v>349</v>
      </c>
      <c r="B350" s="6" t="s">
        <v>943</v>
      </c>
      <c r="C350" s="6" t="s">
        <v>944</v>
      </c>
      <c r="D350" s="6"/>
      <c r="E350" s="6"/>
      <c r="F350" s="6"/>
      <c r="G350" s="9"/>
      <c r="H350" s="10">
        <v>37372</v>
      </c>
    </row>
    <row r="351" spans="1:8" ht="13.15" customHeight="1" x14ac:dyDescent="0.15">
      <c r="A351" s="6">
        <v>350</v>
      </c>
      <c r="B351" s="6" t="s">
        <v>611</v>
      </c>
      <c r="C351" s="6" t="s">
        <v>612</v>
      </c>
      <c r="D351" s="6"/>
      <c r="E351" s="6"/>
      <c r="F351" s="6"/>
      <c r="G351" s="9" t="s">
        <v>613</v>
      </c>
      <c r="H351" s="10">
        <v>37396</v>
      </c>
    </row>
    <row r="352" spans="1:8" ht="13.15" customHeight="1" x14ac:dyDescent="0.15">
      <c r="A352" s="6">
        <v>351</v>
      </c>
      <c r="B352" s="6" t="s">
        <v>682</v>
      </c>
      <c r="C352" s="6" t="s">
        <v>683</v>
      </c>
      <c r="D352" s="6"/>
      <c r="E352" s="6"/>
      <c r="F352" s="6"/>
      <c r="G352" s="9" t="s">
        <v>284</v>
      </c>
      <c r="H352" s="10">
        <v>37471</v>
      </c>
    </row>
    <row r="353" spans="1:8" ht="13.15" customHeight="1" x14ac:dyDescent="0.15">
      <c r="A353" s="6">
        <v>352</v>
      </c>
      <c r="B353" s="6" t="s">
        <v>941</v>
      </c>
      <c r="C353" s="6" t="s">
        <v>942</v>
      </c>
      <c r="D353" s="6"/>
      <c r="E353" s="6"/>
      <c r="F353" s="6"/>
      <c r="G353" s="9"/>
      <c r="H353" s="10">
        <v>37499</v>
      </c>
    </row>
    <row r="354" spans="1:8" ht="13.15" customHeight="1" x14ac:dyDescent="0.15">
      <c r="A354" s="6">
        <v>353</v>
      </c>
      <c r="B354" s="6" t="s">
        <v>1019</v>
      </c>
      <c r="C354" s="6" t="s">
        <v>1020</v>
      </c>
      <c r="D354" s="6"/>
      <c r="E354" s="6"/>
      <c r="F354" s="6"/>
      <c r="G354" s="9"/>
      <c r="H354" s="10">
        <v>37509</v>
      </c>
    </row>
    <row r="355" spans="1:8" ht="13.15" customHeight="1" x14ac:dyDescent="0.15">
      <c r="A355" s="6">
        <v>354</v>
      </c>
      <c r="B355" s="6" t="s">
        <v>43</v>
      </c>
      <c r="C355" s="6" t="s">
        <v>44</v>
      </c>
      <c r="D355" s="6"/>
      <c r="E355" s="6"/>
      <c r="F355" s="6"/>
      <c r="G355" s="9" t="s">
        <v>45</v>
      </c>
      <c r="H355" s="10">
        <v>37526</v>
      </c>
    </row>
    <row r="356" spans="1:8" ht="13.15" customHeight="1" x14ac:dyDescent="0.15">
      <c r="A356" s="6">
        <v>355</v>
      </c>
      <c r="B356" s="6" t="s">
        <v>174</v>
      </c>
      <c r="C356" s="6" t="s">
        <v>175</v>
      </c>
      <c r="D356" s="6"/>
      <c r="E356" s="6"/>
      <c r="F356" s="6"/>
      <c r="G356" s="9" t="s">
        <v>176</v>
      </c>
      <c r="H356" s="10">
        <v>37540</v>
      </c>
    </row>
    <row r="357" spans="1:8" ht="13.15" customHeight="1" x14ac:dyDescent="0.15">
      <c r="A357" s="6">
        <v>356</v>
      </c>
      <c r="B357" s="6" t="s">
        <v>680</v>
      </c>
      <c r="C357" s="6" t="s">
        <v>509</v>
      </c>
      <c r="D357" s="6"/>
      <c r="E357" s="6"/>
      <c r="F357" s="6"/>
      <c r="G357" s="9" t="s">
        <v>681</v>
      </c>
      <c r="H357" s="10">
        <v>37566</v>
      </c>
    </row>
    <row r="358" spans="1:8" ht="13.15" customHeight="1" x14ac:dyDescent="0.15">
      <c r="A358" s="6">
        <v>357</v>
      </c>
      <c r="B358" s="6" t="s">
        <v>2420</v>
      </c>
      <c r="C358" s="6" t="s">
        <v>355</v>
      </c>
      <c r="D358" s="6"/>
      <c r="E358" s="6"/>
      <c r="F358" s="6"/>
      <c r="G358" s="9" t="s">
        <v>356</v>
      </c>
      <c r="H358" s="10">
        <v>37589</v>
      </c>
    </row>
    <row r="359" spans="1:8" ht="13.15" customHeight="1" x14ac:dyDescent="0.15">
      <c r="A359" s="6">
        <v>358</v>
      </c>
      <c r="B359" s="6" t="s">
        <v>504</v>
      </c>
      <c r="C359" s="6" t="s">
        <v>505</v>
      </c>
      <c r="D359" s="6"/>
      <c r="E359" s="6"/>
      <c r="F359" s="6"/>
      <c r="G359" s="9" t="s">
        <v>506</v>
      </c>
      <c r="H359" s="10">
        <v>37671</v>
      </c>
    </row>
    <row r="360" spans="1:8" ht="13.15" customHeight="1" x14ac:dyDescent="0.15">
      <c r="A360" s="6">
        <v>359</v>
      </c>
      <c r="B360" s="6" t="s">
        <v>632</v>
      </c>
      <c r="C360" s="6" t="s">
        <v>633</v>
      </c>
      <c r="D360" s="6"/>
      <c r="E360" s="6"/>
      <c r="F360" s="6"/>
      <c r="G360" s="9" t="s">
        <v>634</v>
      </c>
      <c r="H360" s="10">
        <v>37700</v>
      </c>
    </row>
    <row r="361" spans="1:8" ht="13.15" customHeight="1" x14ac:dyDescent="0.15">
      <c r="A361" s="6">
        <v>360</v>
      </c>
      <c r="B361" s="6" t="s">
        <v>298</v>
      </c>
      <c r="C361" s="6" t="s">
        <v>299</v>
      </c>
      <c r="D361" s="6" t="s">
        <v>300</v>
      </c>
      <c r="E361" s="6"/>
      <c r="F361" s="6"/>
      <c r="G361" s="9" t="s">
        <v>301</v>
      </c>
      <c r="H361" s="10">
        <v>37715</v>
      </c>
    </row>
    <row r="362" spans="1:8" ht="13.15" customHeight="1" x14ac:dyDescent="0.15">
      <c r="A362" s="6">
        <v>361</v>
      </c>
      <c r="B362" s="6" t="s">
        <v>381</v>
      </c>
      <c r="C362" s="6" t="s">
        <v>382</v>
      </c>
      <c r="D362" s="6"/>
      <c r="E362" s="6"/>
      <c r="F362" s="6"/>
      <c r="G362" s="9" t="s">
        <v>383</v>
      </c>
      <c r="H362" s="10">
        <v>37743</v>
      </c>
    </row>
    <row r="363" spans="1:8" ht="13.15" customHeight="1" x14ac:dyDescent="0.15">
      <c r="A363" s="6">
        <v>362</v>
      </c>
      <c r="B363" s="6" t="s">
        <v>222</v>
      </c>
      <c r="C363" s="6" t="s">
        <v>223</v>
      </c>
      <c r="D363" s="6"/>
      <c r="E363" s="6"/>
      <c r="F363" s="6"/>
      <c r="G363" s="9" t="s">
        <v>225</v>
      </c>
      <c r="H363" s="10">
        <v>37751</v>
      </c>
    </row>
    <row r="364" spans="1:8" ht="13.15" customHeight="1" x14ac:dyDescent="0.15">
      <c r="A364" s="6">
        <v>363</v>
      </c>
      <c r="B364" s="6" t="s">
        <v>374</v>
      </c>
      <c r="C364" s="6" t="s">
        <v>375</v>
      </c>
      <c r="D364" s="6"/>
      <c r="E364" s="6"/>
      <c r="F364" s="6"/>
      <c r="G364" s="9" t="s">
        <v>377</v>
      </c>
      <c r="H364" s="10">
        <v>37769</v>
      </c>
    </row>
    <row r="365" spans="1:8" ht="13.15" customHeight="1" x14ac:dyDescent="0.15">
      <c r="A365" s="6">
        <v>364</v>
      </c>
      <c r="B365" s="6" t="s">
        <v>202</v>
      </c>
      <c r="C365" s="6" t="s">
        <v>203</v>
      </c>
      <c r="D365" s="6"/>
      <c r="E365" s="6"/>
      <c r="F365" s="6"/>
      <c r="G365" s="9" t="s">
        <v>204</v>
      </c>
      <c r="H365" s="10">
        <v>37806</v>
      </c>
    </row>
    <row r="366" spans="1:8" ht="13.15" customHeight="1" x14ac:dyDescent="0.15">
      <c r="A366" s="6">
        <v>365</v>
      </c>
      <c r="B366" s="6" t="s">
        <v>1017</v>
      </c>
      <c r="C366" s="6" t="s">
        <v>1018</v>
      </c>
      <c r="D366" s="6"/>
      <c r="E366" s="6"/>
      <c r="F366" s="6"/>
      <c r="G366" s="9"/>
      <c r="H366" s="10">
        <v>37807</v>
      </c>
    </row>
    <row r="367" spans="1:8" ht="13.15" customHeight="1" x14ac:dyDescent="0.15">
      <c r="A367" s="6">
        <v>366</v>
      </c>
      <c r="B367" s="6" t="s">
        <v>690</v>
      </c>
      <c r="C367" s="6" t="s">
        <v>691</v>
      </c>
      <c r="D367" s="6"/>
      <c r="E367" s="6"/>
      <c r="F367" s="6"/>
      <c r="G367" s="9" t="s">
        <v>692</v>
      </c>
      <c r="H367" s="10">
        <v>37819</v>
      </c>
    </row>
    <row r="368" spans="1:8" ht="13.15" customHeight="1" x14ac:dyDescent="0.15">
      <c r="A368" s="6">
        <v>367</v>
      </c>
      <c r="B368" s="6" t="s">
        <v>414</v>
      </c>
      <c r="C368" s="6" t="s">
        <v>415</v>
      </c>
      <c r="D368" s="6"/>
      <c r="E368" s="6"/>
      <c r="F368" s="6"/>
      <c r="G368" s="9" t="s">
        <v>416</v>
      </c>
      <c r="H368" s="10">
        <v>37870</v>
      </c>
    </row>
    <row r="369" spans="1:8" ht="13.15" customHeight="1" x14ac:dyDescent="0.15">
      <c r="A369" s="6">
        <v>368</v>
      </c>
      <c r="B369" s="6" t="s">
        <v>186</v>
      </c>
      <c r="C369" s="6" t="s">
        <v>187</v>
      </c>
      <c r="D369" s="6"/>
      <c r="E369" s="6"/>
      <c r="F369" s="6"/>
      <c r="G369" s="9" t="s">
        <v>188</v>
      </c>
      <c r="H369" s="10">
        <v>37924</v>
      </c>
    </row>
    <row r="370" spans="1:8" ht="13.15" customHeight="1" x14ac:dyDescent="0.15">
      <c r="A370" s="6">
        <v>369</v>
      </c>
      <c r="B370" s="6" t="s">
        <v>1015</v>
      </c>
      <c r="C370" s="6" t="s">
        <v>1016</v>
      </c>
      <c r="D370" s="6"/>
      <c r="E370" s="6"/>
      <c r="F370" s="6"/>
      <c r="G370" s="9"/>
      <c r="H370" s="10">
        <v>37947</v>
      </c>
    </row>
    <row r="371" spans="1:8" ht="13.15" customHeight="1" x14ac:dyDescent="0.15">
      <c r="A371" s="6">
        <v>370</v>
      </c>
      <c r="B371" s="6" t="s">
        <v>351</v>
      </c>
      <c r="C371" s="6" t="s">
        <v>352</v>
      </c>
      <c r="D371" s="6"/>
      <c r="E371" s="6"/>
      <c r="F371" s="6"/>
      <c r="G371" s="9" t="s">
        <v>353</v>
      </c>
      <c r="H371" s="10">
        <v>37951</v>
      </c>
    </row>
    <row r="372" spans="1:8" ht="13.15" customHeight="1" x14ac:dyDescent="0.15">
      <c r="A372" s="6">
        <v>371</v>
      </c>
      <c r="B372" s="6" t="s">
        <v>22</v>
      </c>
      <c r="C372" s="6" t="s">
        <v>23</v>
      </c>
      <c r="D372" s="6"/>
      <c r="E372" s="6" t="s">
        <v>2732</v>
      </c>
      <c r="F372" s="6" t="s">
        <v>24</v>
      </c>
      <c r="G372" s="9" t="s">
        <v>25</v>
      </c>
      <c r="H372" s="10">
        <v>37961</v>
      </c>
    </row>
    <row r="373" spans="1:8" ht="13.15" customHeight="1" x14ac:dyDescent="0.15">
      <c r="A373" s="6">
        <v>372</v>
      </c>
      <c r="B373" s="6" t="s">
        <v>805</v>
      </c>
      <c r="C373" s="6" t="s">
        <v>806</v>
      </c>
      <c r="D373" s="6"/>
      <c r="E373" s="6" t="s">
        <v>2733</v>
      </c>
      <c r="F373" s="6" t="s">
        <v>807</v>
      </c>
      <c r="G373" s="9" t="s">
        <v>808</v>
      </c>
      <c r="H373" s="10">
        <v>38023</v>
      </c>
    </row>
    <row r="374" spans="1:8" ht="13.15" customHeight="1" x14ac:dyDescent="0.15">
      <c r="A374" s="6">
        <v>373</v>
      </c>
      <c r="B374" s="6" t="s">
        <v>811</v>
      </c>
      <c r="C374" s="6" t="s">
        <v>812</v>
      </c>
      <c r="D374" s="6"/>
      <c r="E374" s="6"/>
      <c r="F374" s="6"/>
      <c r="G374" s="9" t="s">
        <v>813</v>
      </c>
      <c r="H374" s="10">
        <v>38042</v>
      </c>
    </row>
    <row r="375" spans="1:8" ht="13.15" customHeight="1" x14ac:dyDescent="0.15">
      <c r="A375" s="6">
        <v>374</v>
      </c>
      <c r="B375" s="6" t="s">
        <v>160</v>
      </c>
      <c r="C375" s="6" t="s">
        <v>809</v>
      </c>
      <c r="D375" s="6"/>
      <c r="E375" s="6"/>
      <c r="F375" s="6"/>
      <c r="G375" s="9" t="s">
        <v>810</v>
      </c>
      <c r="H375" s="10">
        <v>38043</v>
      </c>
    </row>
    <row r="376" spans="1:8" ht="13.15" customHeight="1" x14ac:dyDescent="0.15">
      <c r="A376" s="6">
        <v>375</v>
      </c>
      <c r="B376" s="6" t="s">
        <v>629</v>
      </c>
      <c r="C376" s="6" t="s">
        <v>630</v>
      </c>
      <c r="D376" s="6"/>
      <c r="E376" s="6"/>
      <c r="F376" s="6"/>
      <c r="G376" s="9" t="s">
        <v>783</v>
      </c>
      <c r="H376" s="10">
        <v>38044</v>
      </c>
    </row>
    <row r="377" spans="1:8" ht="13.15" customHeight="1" x14ac:dyDescent="0.15">
      <c r="A377" s="6">
        <v>376</v>
      </c>
      <c r="B377" s="6" t="s">
        <v>1013</v>
      </c>
      <c r="C377" s="6" t="s">
        <v>1014</v>
      </c>
      <c r="D377" s="6"/>
      <c r="E377" s="6"/>
      <c r="F377" s="6"/>
      <c r="G377" s="9"/>
      <c r="H377" s="10">
        <v>38057</v>
      </c>
    </row>
    <row r="378" spans="1:8" ht="13.15" customHeight="1" x14ac:dyDescent="0.15">
      <c r="A378" s="6">
        <v>377</v>
      </c>
      <c r="B378" s="6" t="s">
        <v>816</v>
      </c>
      <c r="C378" s="6" t="s">
        <v>817</v>
      </c>
      <c r="D378" s="6"/>
      <c r="E378" s="6"/>
      <c r="F378" s="6"/>
      <c r="G378" s="9" t="s">
        <v>818</v>
      </c>
      <c r="H378" s="10">
        <v>38064</v>
      </c>
    </row>
    <row r="379" spans="1:8" ht="13.15" customHeight="1" x14ac:dyDescent="0.15">
      <c r="A379" s="6">
        <v>378</v>
      </c>
      <c r="B379" s="6" t="s">
        <v>820</v>
      </c>
      <c r="C379" s="6" t="s">
        <v>821</v>
      </c>
      <c r="D379" s="6"/>
      <c r="E379" s="6"/>
      <c r="F379" s="6"/>
      <c r="G379" s="9" t="s">
        <v>822</v>
      </c>
      <c r="H379" s="10">
        <v>38134</v>
      </c>
    </row>
    <row r="380" spans="1:8" ht="13.15" customHeight="1" x14ac:dyDescent="0.15">
      <c r="A380" s="6">
        <v>379</v>
      </c>
      <c r="B380" s="6" t="s">
        <v>823</v>
      </c>
      <c r="C380" s="6" t="s">
        <v>2520</v>
      </c>
      <c r="D380" s="6"/>
      <c r="E380" s="6" t="s">
        <v>2705</v>
      </c>
      <c r="F380" s="6" t="s">
        <v>2520</v>
      </c>
      <c r="G380" s="9" t="s">
        <v>825</v>
      </c>
      <c r="H380" s="10">
        <v>38141</v>
      </c>
    </row>
    <row r="381" spans="1:8" s="2" customFormat="1" ht="13.15" customHeight="1" x14ac:dyDescent="0.15">
      <c r="A381" s="6">
        <v>380</v>
      </c>
      <c r="B381" s="6" t="s">
        <v>826</v>
      </c>
      <c r="C381" s="6" t="s">
        <v>827</v>
      </c>
      <c r="D381" s="6" t="s">
        <v>828</v>
      </c>
      <c r="E381" s="6"/>
      <c r="F381" s="6"/>
      <c r="G381" s="14" t="s">
        <v>829</v>
      </c>
      <c r="H381" s="10">
        <v>38156</v>
      </c>
    </row>
    <row r="382" spans="1:8" ht="13.15" customHeight="1" x14ac:dyDescent="0.15">
      <c r="A382" s="6">
        <v>381</v>
      </c>
      <c r="B382" s="6" t="s">
        <v>1011</v>
      </c>
      <c r="C382" s="6" t="s">
        <v>1012</v>
      </c>
      <c r="D382" s="6"/>
      <c r="E382" s="6"/>
      <c r="F382" s="6"/>
      <c r="G382" s="9"/>
      <c r="H382" s="10">
        <v>38167</v>
      </c>
    </row>
    <row r="383" spans="1:8" ht="13.15" customHeight="1" x14ac:dyDescent="0.15">
      <c r="A383" s="6">
        <v>382</v>
      </c>
      <c r="B383" s="6" t="s">
        <v>332</v>
      </c>
      <c r="C383" s="6" t="s">
        <v>831</v>
      </c>
      <c r="D383" s="6"/>
      <c r="E383" s="6"/>
      <c r="F383" s="6"/>
      <c r="G383" s="9" t="s">
        <v>662</v>
      </c>
      <c r="H383" s="10">
        <v>38168</v>
      </c>
    </row>
    <row r="384" spans="1:8" ht="13.15" customHeight="1" x14ac:dyDescent="0.15">
      <c r="A384" s="6">
        <v>383</v>
      </c>
      <c r="B384" s="6" t="s">
        <v>877</v>
      </c>
      <c r="C384" s="6" t="s">
        <v>878</v>
      </c>
      <c r="D384" s="6"/>
      <c r="E384" s="6"/>
      <c r="F384" s="6"/>
      <c r="G384" s="9"/>
      <c r="H384" s="10">
        <v>38173</v>
      </c>
    </row>
    <row r="385" spans="1:8" ht="13.15" customHeight="1" x14ac:dyDescent="0.15">
      <c r="A385" s="6">
        <v>384</v>
      </c>
      <c r="B385" s="6" t="s">
        <v>832</v>
      </c>
      <c r="C385" s="6" t="s">
        <v>833</v>
      </c>
      <c r="D385" s="6"/>
      <c r="E385" s="6"/>
      <c r="F385" s="6"/>
      <c r="G385" s="9" t="s">
        <v>834</v>
      </c>
      <c r="H385" s="10">
        <v>38183</v>
      </c>
    </row>
    <row r="386" spans="1:8" ht="13.15" customHeight="1" x14ac:dyDescent="0.15">
      <c r="A386" s="6">
        <v>385</v>
      </c>
      <c r="B386" s="6" t="s">
        <v>835</v>
      </c>
      <c r="C386" s="6" t="s">
        <v>836</v>
      </c>
      <c r="D386" s="6"/>
      <c r="E386" s="6"/>
      <c r="F386" s="6"/>
      <c r="G386" s="9" t="s">
        <v>837</v>
      </c>
      <c r="H386" s="10">
        <v>38184</v>
      </c>
    </row>
    <row r="387" spans="1:8" ht="13.15" customHeight="1" x14ac:dyDescent="0.15">
      <c r="A387" s="6">
        <v>386</v>
      </c>
      <c r="B387" s="6" t="s">
        <v>838</v>
      </c>
      <c r="C387" s="6" t="s">
        <v>839</v>
      </c>
      <c r="D387" s="6"/>
      <c r="E387" s="6" t="s">
        <v>2706</v>
      </c>
      <c r="F387" s="6" t="s">
        <v>830</v>
      </c>
      <c r="G387" s="9" t="s">
        <v>840</v>
      </c>
      <c r="H387" s="10">
        <v>38192</v>
      </c>
    </row>
    <row r="388" spans="1:8" ht="13.15" customHeight="1" x14ac:dyDescent="0.15">
      <c r="A388" s="6">
        <v>387</v>
      </c>
      <c r="B388" s="6" t="s">
        <v>841</v>
      </c>
      <c r="C388" s="6" t="s">
        <v>842</v>
      </c>
      <c r="D388" s="6"/>
      <c r="E388" s="6"/>
      <c r="F388" s="6"/>
      <c r="G388" s="9" t="s">
        <v>843</v>
      </c>
      <c r="H388" s="10">
        <v>38198</v>
      </c>
    </row>
    <row r="389" spans="1:8" ht="13.15" customHeight="1" x14ac:dyDescent="0.15">
      <c r="A389" s="6">
        <v>388</v>
      </c>
      <c r="B389" s="6" t="s">
        <v>844</v>
      </c>
      <c r="C389" s="6" t="s">
        <v>845</v>
      </c>
      <c r="D389" s="6"/>
      <c r="E389" s="6" t="s">
        <v>2728</v>
      </c>
      <c r="F389" s="6" t="s">
        <v>66</v>
      </c>
      <c r="G389" s="9" t="s">
        <v>846</v>
      </c>
      <c r="H389" s="10">
        <v>38231</v>
      </c>
    </row>
    <row r="390" spans="1:8" ht="13.15" customHeight="1" x14ac:dyDescent="0.15">
      <c r="A390" s="6">
        <v>389</v>
      </c>
      <c r="B390" s="6" t="s">
        <v>2458</v>
      </c>
      <c r="C390" s="6" t="s">
        <v>1010</v>
      </c>
      <c r="D390" s="6"/>
      <c r="E390" s="6"/>
      <c r="F390" s="6"/>
      <c r="G390" s="9"/>
      <c r="H390" s="10">
        <v>38239</v>
      </c>
    </row>
    <row r="391" spans="1:8" ht="13.15" customHeight="1" x14ac:dyDescent="0.15">
      <c r="A391" s="6">
        <v>390</v>
      </c>
      <c r="B391" s="6" t="s">
        <v>851</v>
      </c>
      <c r="C391" s="6" t="s">
        <v>852</v>
      </c>
      <c r="D391" s="6"/>
      <c r="E391" s="6"/>
      <c r="F391" s="6"/>
      <c r="G391" s="9" t="s">
        <v>853</v>
      </c>
      <c r="H391" s="10">
        <v>38245</v>
      </c>
    </row>
    <row r="392" spans="1:8" ht="13.15" customHeight="1" x14ac:dyDescent="0.15">
      <c r="A392" s="6">
        <v>391</v>
      </c>
      <c r="B392" s="6" t="s">
        <v>848</v>
      </c>
      <c r="C392" s="6" t="s">
        <v>849</v>
      </c>
      <c r="D392" s="6"/>
      <c r="E392" s="6"/>
      <c r="F392" s="6"/>
      <c r="G392" s="9" t="s">
        <v>850</v>
      </c>
      <c r="H392" s="10">
        <v>38247</v>
      </c>
    </row>
    <row r="393" spans="1:8" ht="13.15" customHeight="1" x14ac:dyDescent="0.15">
      <c r="A393" s="6">
        <v>392</v>
      </c>
      <c r="B393" s="6" t="s">
        <v>854</v>
      </c>
      <c r="C393" s="6" t="s">
        <v>855</v>
      </c>
      <c r="D393" s="6"/>
      <c r="E393" s="6"/>
      <c r="F393" s="6"/>
      <c r="G393" s="9" t="s">
        <v>856</v>
      </c>
      <c r="H393" s="10">
        <v>38273</v>
      </c>
    </row>
    <row r="394" spans="1:8" ht="13.15" customHeight="1" x14ac:dyDescent="0.15">
      <c r="A394" s="6">
        <v>393</v>
      </c>
      <c r="B394" s="6" t="s">
        <v>1412</v>
      </c>
      <c r="C394" s="6" t="s">
        <v>892</v>
      </c>
      <c r="D394" s="6"/>
      <c r="E394" s="6" t="s">
        <v>2734</v>
      </c>
      <c r="F394" s="6" t="s">
        <v>1110</v>
      </c>
      <c r="G394" s="9"/>
      <c r="H394" s="10">
        <v>38275</v>
      </c>
    </row>
    <row r="395" spans="1:8" ht="13.15" customHeight="1" x14ac:dyDescent="0.15">
      <c r="A395" s="6">
        <v>394</v>
      </c>
      <c r="B395" s="6" t="s">
        <v>1008</v>
      </c>
      <c r="C395" s="6" t="s">
        <v>1009</v>
      </c>
      <c r="D395" s="6"/>
      <c r="E395" s="6"/>
      <c r="F395" s="6"/>
      <c r="G395" s="9"/>
      <c r="H395" s="10">
        <v>38278</v>
      </c>
    </row>
    <row r="396" spans="1:8" ht="13.15" customHeight="1" x14ac:dyDescent="0.15">
      <c r="A396" s="6">
        <v>395</v>
      </c>
      <c r="B396" s="6" t="s">
        <v>873</v>
      </c>
      <c r="C396" s="6" t="s">
        <v>874</v>
      </c>
      <c r="D396" s="6"/>
      <c r="E396" s="6"/>
      <c r="F396" s="6"/>
      <c r="G396" s="9"/>
      <c r="H396" s="10">
        <v>38286</v>
      </c>
    </row>
    <row r="397" spans="1:8" ht="13.15" customHeight="1" x14ac:dyDescent="0.15">
      <c r="A397" s="6">
        <v>396</v>
      </c>
      <c r="B397" s="6" t="s">
        <v>939</v>
      </c>
      <c r="C397" s="6" t="s">
        <v>940</v>
      </c>
      <c r="D397" s="6"/>
      <c r="E397" s="6"/>
      <c r="F397" s="6"/>
      <c r="G397" s="9"/>
      <c r="H397" s="10">
        <v>38327</v>
      </c>
    </row>
    <row r="398" spans="1:8" ht="13.15" customHeight="1" x14ac:dyDescent="0.15">
      <c r="A398" s="6">
        <v>397</v>
      </c>
      <c r="B398" s="6" t="s">
        <v>857</v>
      </c>
      <c r="C398" s="6" t="s">
        <v>858</v>
      </c>
      <c r="D398" s="6"/>
      <c r="E398" s="6"/>
      <c r="F398" s="6"/>
      <c r="G398" s="9" t="s">
        <v>859</v>
      </c>
      <c r="H398" s="10">
        <v>38336</v>
      </c>
    </row>
    <row r="399" spans="1:8" ht="13.15" customHeight="1" x14ac:dyDescent="0.15">
      <c r="A399" s="6">
        <v>398</v>
      </c>
      <c r="B399" s="6" t="s">
        <v>860</v>
      </c>
      <c r="C399" s="6" t="s">
        <v>861</v>
      </c>
      <c r="D399" s="6"/>
      <c r="E399" s="6"/>
      <c r="F399" s="6"/>
      <c r="G399" s="9" t="s">
        <v>862</v>
      </c>
      <c r="H399" s="10">
        <v>38342</v>
      </c>
    </row>
    <row r="400" spans="1:8" ht="13.15" customHeight="1" x14ac:dyDescent="0.15">
      <c r="A400" s="6">
        <v>399</v>
      </c>
      <c r="B400" s="6" t="s">
        <v>863</v>
      </c>
      <c r="C400" s="6" t="s">
        <v>864</v>
      </c>
      <c r="D400" s="6"/>
      <c r="E400" s="6" t="s">
        <v>2707</v>
      </c>
      <c r="F400" s="6" t="s">
        <v>865</v>
      </c>
      <c r="G400" s="9" t="s">
        <v>866</v>
      </c>
      <c r="H400" s="10">
        <v>38405</v>
      </c>
    </row>
    <row r="401" spans="1:8" ht="13.15" customHeight="1" x14ac:dyDescent="0.15">
      <c r="A401" s="6">
        <v>400</v>
      </c>
      <c r="B401" s="6" t="s">
        <v>1006</v>
      </c>
      <c r="C401" s="6" t="s">
        <v>1007</v>
      </c>
      <c r="D401" s="6"/>
      <c r="E401" s="6" t="s">
        <v>2708</v>
      </c>
      <c r="F401" s="6" t="s">
        <v>500</v>
      </c>
      <c r="G401" s="9"/>
      <c r="H401" s="10">
        <v>38411</v>
      </c>
    </row>
    <row r="402" spans="1:8" ht="13.15" customHeight="1" x14ac:dyDescent="0.15">
      <c r="A402" s="6">
        <v>401</v>
      </c>
      <c r="B402" s="6" t="s">
        <v>867</v>
      </c>
      <c r="C402" s="6" t="s">
        <v>868</v>
      </c>
      <c r="D402" s="6"/>
      <c r="E402" s="6"/>
      <c r="F402" s="6"/>
      <c r="G402" s="9" t="s">
        <v>869</v>
      </c>
      <c r="H402" s="10">
        <v>38414</v>
      </c>
    </row>
    <row r="403" spans="1:8" ht="13.15" customHeight="1" x14ac:dyDescent="0.15">
      <c r="A403" s="6">
        <v>402</v>
      </c>
      <c r="B403" s="6" t="s">
        <v>875</v>
      </c>
      <c r="C403" s="6" t="s">
        <v>876</v>
      </c>
      <c r="D403" s="6"/>
      <c r="E403" s="6"/>
      <c r="F403" s="6"/>
      <c r="G403" s="9" t="s">
        <v>579</v>
      </c>
      <c r="H403" s="10">
        <v>38482</v>
      </c>
    </row>
    <row r="404" spans="1:8" ht="13.15" customHeight="1" x14ac:dyDescent="0.15">
      <c r="A404" s="6">
        <v>403</v>
      </c>
      <c r="B404" s="6" t="s">
        <v>1000</v>
      </c>
      <c r="C404" s="6" t="s">
        <v>1001</v>
      </c>
      <c r="D404" s="6"/>
      <c r="E404" s="6"/>
      <c r="F404" s="6"/>
      <c r="G404" s="9" t="s">
        <v>1003</v>
      </c>
      <c r="H404" s="10">
        <v>38500</v>
      </c>
    </row>
    <row r="405" spans="1:8" ht="13.15" customHeight="1" x14ac:dyDescent="0.15">
      <c r="A405" s="6">
        <v>404</v>
      </c>
      <c r="B405" s="6" t="s">
        <v>879</v>
      </c>
      <c r="C405" s="6" t="s">
        <v>880</v>
      </c>
      <c r="D405" s="6"/>
      <c r="E405" s="6"/>
      <c r="F405" s="6"/>
      <c r="G405" s="9"/>
      <c r="H405" s="10">
        <v>38544</v>
      </c>
    </row>
    <row r="406" spans="1:8" ht="13.15" customHeight="1" x14ac:dyDescent="0.15">
      <c r="A406" s="6">
        <v>405</v>
      </c>
      <c r="B406" s="6" t="s">
        <v>1113</v>
      </c>
      <c r="C406" s="6" t="s">
        <v>1114</v>
      </c>
      <c r="D406" s="6"/>
      <c r="E406" s="6"/>
      <c r="F406" s="6"/>
      <c r="G406" s="9" t="s">
        <v>1115</v>
      </c>
      <c r="H406" s="10">
        <v>38568</v>
      </c>
    </row>
    <row r="407" spans="1:8" ht="13.15" customHeight="1" x14ac:dyDescent="0.15">
      <c r="A407" s="6">
        <v>406</v>
      </c>
      <c r="B407" s="6" t="s">
        <v>1116</v>
      </c>
      <c r="C407" s="6" t="s">
        <v>1117</v>
      </c>
      <c r="D407" s="6"/>
      <c r="E407" s="6"/>
      <c r="F407" s="6"/>
      <c r="G407" s="9" t="s">
        <v>1118</v>
      </c>
      <c r="H407" s="10">
        <v>38569</v>
      </c>
    </row>
    <row r="408" spans="1:8" ht="13.15" customHeight="1" x14ac:dyDescent="0.15">
      <c r="A408" s="6">
        <v>407</v>
      </c>
      <c r="B408" s="6" t="s">
        <v>1119</v>
      </c>
      <c r="C408" s="6" t="s">
        <v>1120</v>
      </c>
      <c r="D408" s="6"/>
      <c r="E408" s="6"/>
      <c r="F408" s="6"/>
      <c r="G408" s="9" t="s">
        <v>1121</v>
      </c>
      <c r="H408" s="10">
        <v>38580</v>
      </c>
    </row>
    <row r="409" spans="1:8" ht="13.15" customHeight="1" x14ac:dyDescent="0.15">
      <c r="A409" s="6">
        <v>408</v>
      </c>
      <c r="B409" s="6" t="s">
        <v>1123</v>
      </c>
      <c r="C409" s="6" t="s">
        <v>1124</v>
      </c>
      <c r="D409" s="6"/>
      <c r="E409" s="6"/>
      <c r="F409" s="6"/>
      <c r="G409" s="9" t="s">
        <v>1125</v>
      </c>
      <c r="H409" s="10">
        <v>38658</v>
      </c>
    </row>
    <row r="410" spans="1:8" ht="13.15" customHeight="1" x14ac:dyDescent="0.15">
      <c r="A410" s="6">
        <v>409</v>
      </c>
      <c r="B410" s="6" t="s">
        <v>1126</v>
      </c>
      <c r="C410" s="6" t="s">
        <v>1127</v>
      </c>
      <c r="D410" s="6"/>
      <c r="E410" s="6"/>
      <c r="F410" s="6"/>
      <c r="G410" s="9" t="s">
        <v>1128</v>
      </c>
      <c r="H410" s="10">
        <v>38671</v>
      </c>
    </row>
    <row r="411" spans="1:8" ht="13.15" customHeight="1" x14ac:dyDescent="0.15">
      <c r="A411" s="6">
        <v>410</v>
      </c>
      <c r="B411" s="6" t="s">
        <v>1130</v>
      </c>
      <c r="C411" s="6" t="s">
        <v>244</v>
      </c>
      <c r="D411" s="6"/>
      <c r="E411" s="6" t="s">
        <v>2709</v>
      </c>
      <c r="F411" s="6" t="s">
        <v>1129</v>
      </c>
      <c r="G411" s="9" t="s">
        <v>1131</v>
      </c>
      <c r="H411" s="10">
        <v>38674</v>
      </c>
    </row>
    <row r="412" spans="1:8" ht="13.15" customHeight="1" x14ac:dyDescent="0.15">
      <c r="A412" s="6">
        <v>411</v>
      </c>
      <c r="B412" s="6" t="s">
        <v>1132</v>
      </c>
      <c r="C412" s="6" t="s">
        <v>1133</v>
      </c>
      <c r="D412" s="6"/>
      <c r="E412" s="6"/>
      <c r="F412" s="6"/>
      <c r="G412" s="9" t="s">
        <v>1134</v>
      </c>
      <c r="H412" s="10">
        <v>38675</v>
      </c>
    </row>
    <row r="413" spans="1:8" ht="13.15" customHeight="1" x14ac:dyDescent="0.15">
      <c r="A413" s="6">
        <v>412</v>
      </c>
      <c r="B413" s="6" t="s">
        <v>1135</v>
      </c>
      <c r="C413" s="6" t="s">
        <v>1136</v>
      </c>
      <c r="D413" s="6"/>
      <c r="E413" s="6"/>
      <c r="F413" s="6"/>
      <c r="G413" s="9" t="s">
        <v>1137</v>
      </c>
      <c r="H413" s="10">
        <v>38678</v>
      </c>
    </row>
    <row r="414" spans="1:8" ht="13.15" customHeight="1" x14ac:dyDescent="0.15">
      <c r="A414" s="6">
        <v>413</v>
      </c>
      <c r="B414" s="6" t="s">
        <v>1138</v>
      </c>
      <c r="C414" s="6" t="s">
        <v>1139</v>
      </c>
      <c r="D414" s="6"/>
      <c r="E414" s="6"/>
      <c r="F414" s="6"/>
      <c r="G414" s="9" t="s">
        <v>1140</v>
      </c>
      <c r="H414" s="10">
        <v>38688</v>
      </c>
    </row>
    <row r="415" spans="1:8" ht="13.15" customHeight="1" x14ac:dyDescent="0.15">
      <c r="A415" s="6">
        <v>414</v>
      </c>
      <c r="B415" s="6" t="s">
        <v>1141</v>
      </c>
      <c r="C415" s="6" t="s">
        <v>1142</v>
      </c>
      <c r="D415" s="6"/>
      <c r="E415" s="6"/>
      <c r="F415" s="6"/>
      <c r="G415" s="9" t="s">
        <v>1143</v>
      </c>
      <c r="H415" s="10">
        <v>38706</v>
      </c>
    </row>
    <row r="416" spans="1:8" ht="13.15" customHeight="1" x14ac:dyDescent="0.15">
      <c r="A416" s="6">
        <v>415</v>
      </c>
      <c r="B416" s="6" t="s">
        <v>1145</v>
      </c>
      <c r="C416" s="6" t="s">
        <v>1146</v>
      </c>
      <c r="D416" s="6"/>
      <c r="E416" s="6"/>
      <c r="F416" s="6"/>
      <c r="G416" s="9" t="s">
        <v>1147</v>
      </c>
      <c r="H416" s="10">
        <v>38762</v>
      </c>
    </row>
    <row r="417" spans="1:8" ht="13.15" customHeight="1" x14ac:dyDescent="0.15">
      <c r="A417" s="6">
        <v>416</v>
      </c>
      <c r="B417" s="6" t="s">
        <v>1148</v>
      </c>
      <c r="C417" s="6" t="s">
        <v>70</v>
      </c>
      <c r="D417" s="6"/>
      <c r="E417" s="6" t="s">
        <v>2728</v>
      </c>
      <c r="F417" s="6" t="s">
        <v>66</v>
      </c>
      <c r="G417" s="9" t="s">
        <v>1149</v>
      </c>
      <c r="H417" s="10">
        <v>38773</v>
      </c>
    </row>
    <row r="418" spans="1:8" ht="13.15" customHeight="1" x14ac:dyDescent="0.15">
      <c r="A418" s="6">
        <v>417</v>
      </c>
      <c r="B418" s="6" t="s">
        <v>1150</v>
      </c>
      <c r="C418" s="6" t="s">
        <v>814</v>
      </c>
      <c r="D418" s="6"/>
      <c r="E418" s="6" t="s">
        <v>2710</v>
      </c>
      <c r="F418" s="6" t="s">
        <v>815</v>
      </c>
      <c r="G418" s="9" t="s">
        <v>1151</v>
      </c>
      <c r="H418" s="10">
        <v>38776</v>
      </c>
    </row>
    <row r="419" spans="1:8" ht="13.15" customHeight="1" x14ac:dyDescent="0.15">
      <c r="A419" s="6">
        <v>418</v>
      </c>
      <c r="B419" s="6" t="s">
        <v>1152</v>
      </c>
      <c r="C419" s="6" t="s">
        <v>1153</v>
      </c>
      <c r="D419" s="6"/>
      <c r="E419" s="6" t="s">
        <v>2735</v>
      </c>
      <c r="F419" s="6" t="s">
        <v>24</v>
      </c>
      <c r="G419" s="9" t="s">
        <v>640</v>
      </c>
      <c r="H419" s="10">
        <v>38779</v>
      </c>
    </row>
    <row r="420" spans="1:8" ht="13.15" customHeight="1" x14ac:dyDescent="0.15">
      <c r="A420" s="6">
        <v>419</v>
      </c>
      <c r="B420" s="6" t="s">
        <v>1154</v>
      </c>
      <c r="C420" s="6" t="s">
        <v>1155</v>
      </c>
      <c r="D420" s="6"/>
      <c r="E420" s="6"/>
      <c r="F420" s="6"/>
      <c r="G420" s="9" t="s">
        <v>1156</v>
      </c>
      <c r="H420" s="10">
        <v>38779</v>
      </c>
    </row>
    <row r="421" spans="1:8" ht="13.15" customHeight="1" x14ac:dyDescent="0.15">
      <c r="A421" s="6">
        <v>420</v>
      </c>
      <c r="B421" s="6" t="s">
        <v>1157</v>
      </c>
      <c r="C421" s="6" t="s">
        <v>1158</v>
      </c>
      <c r="D421" s="6"/>
      <c r="E421" s="6"/>
      <c r="F421" s="6"/>
      <c r="G421" s="9" t="s">
        <v>1159</v>
      </c>
      <c r="H421" s="10">
        <v>38782</v>
      </c>
    </row>
    <row r="422" spans="1:8" ht="13.15" customHeight="1" x14ac:dyDescent="0.15">
      <c r="A422" s="6">
        <v>421</v>
      </c>
      <c r="B422" s="6" t="s">
        <v>1160</v>
      </c>
      <c r="C422" s="6" t="s">
        <v>1161</v>
      </c>
      <c r="D422" s="6"/>
      <c r="E422" s="6"/>
      <c r="F422" s="6"/>
      <c r="G422" s="9" t="s">
        <v>1162</v>
      </c>
      <c r="H422" s="10">
        <v>38790</v>
      </c>
    </row>
    <row r="423" spans="1:8" ht="13.15" customHeight="1" x14ac:dyDescent="0.15">
      <c r="A423" s="6">
        <v>422</v>
      </c>
      <c r="B423" s="6" t="s">
        <v>1164</v>
      </c>
      <c r="C423" s="6" t="s">
        <v>430</v>
      </c>
      <c r="D423" s="6"/>
      <c r="E423" s="6"/>
      <c r="F423" s="6"/>
      <c r="G423" s="9" t="s">
        <v>1165</v>
      </c>
      <c r="H423" s="10">
        <v>38821</v>
      </c>
    </row>
    <row r="424" spans="1:8" ht="13.15" customHeight="1" x14ac:dyDescent="0.15">
      <c r="A424" s="6">
        <v>423</v>
      </c>
      <c r="B424" s="6" t="s">
        <v>1166</v>
      </c>
      <c r="C424" s="6" t="s">
        <v>1167</v>
      </c>
      <c r="D424" s="6"/>
      <c r="E424" s="6"/>
      <c r="F424" s="6"/>
      <c r="G424" s="9" t="s">
        <v>1168</v>
      </c>
      <c r="H424" s="10">
        <v>38821</v>
      </c>
    </row>
    <row r="425" spans="1:8" ht="13.15" customHeight="1" x14ac:dyDescent="0.15">
      <c r="A425" s="6">
        <v>424</v>
      </c>
      <c r="B425" s="6" t="s">
        <v>1171</v>
      </c>
      <c r="C425" s="6" t="s">
        <v>1172</v>
      </c>
      <c r="D425" s="6"/>
      <c r="E425" s="6"/>
      <c r="F425" s="6"/>
      <c r="G425" s="9" t="s">
        <v>1173</v>
      </c>
      <c r="H425" s="10">
        <v>38825</v>
      </c>
    </row>
    <row r="426" spans="1:8" ht="13.15" customHeight="1" x14ac:dyDescent="0.15">
      <c r="A426" s="6">
        <v>425</v>
      </c>
      <c r="B426" s="6" t="s">
        <v>1174</v>
      </c>
      <c r="C426" s="6" t="s">
        <v>1175</v>
      </c>
      <c r="D426" s="6" t="s">
        <v>1176</v>
      </c>
      <c r="E426" s="6"/>
      <c r="F426" s="6"/>
      <c r="G426" s="9" t="s">
        <v>1177</v>
      </c>
      <c r="H426" s="10">
        <v>38860</v>
      </c>
    </row>
    <row r="427" spans="1:8" ht="13.15" customHeight="1" x14ac:dyDescent="0.15">
      <c r="A427" s="6">
        <v>426</v>
      </c>
      <c r="B427" s="6" t="s">
        <v>1178</v>
      </c>
      <c r="C427" s="6" t="s">
        <v>1179</v>
      </c>
      <c r="D427" s="6"/>
      <c r="E427" s="6"/>
      <c r="F427" s="6"/>
      <c r="G427" s="9" t="s">
        <v>568</v>
      </c>
      <c r="H427" s="10">
        <v>38898</v>
      </c>
    </row>
    <row r="428" spans="1:8" ht="13.15" customHeight="1" x14ac:dyDescent="0.15">
      <c r="A428" s="6">
        <v>427</v>
      </c>
      <c r="B428" s="6" t="s">
        <v>1180</v>
      </c>
      <c r="C428" s="6" t="s">
        <v>1181</v>
      </c>
      <c r="D428" s="6"/>
      <c r="E428" s="6" t="s">
        <v>2711</v>
      </c>
      <c r="F428" s="6" t="s">
        <v>3</v>
      </c>
      <c r="G428" s="9" t="s">
        <v>1182</v>
      </c>
      <c r="H428" s="10">
        <v>38905</v>
      </c>
    </row>
    <row r="429" spans="1:8" ht="13.15" customHeight="1" x14ac:dyDescent="0.15">
      <c r="A429" s="6">
        <v>428</v>
      </c>
      <c r="B429" s="6" t="s">
        <v>296</v>
      </c>
      <c r="C429" s="6" t="s">
        <v>297</v>
      </c>
      <c r="D429" s="6"/>
      <c r="E429" s="6"/>
      <c r="F429" s="6"/>
      <c r="G429" s="9" t="s">
        <v>1183</v>
      </c>
      <c r="H429" s="10">
        <v>38930</v>
      </c>
    </row>
    <row r="430" spans="1:8" ht="13.15" customHeight="1" x14ac:dyDescent="0.15">
      <c r="A430" s="6">
        <v>429</v>
      </c>
      <c r="B430" s="6" t="s">
        <v>1184</v>
      </c>
      <c r="C430" s="6" t="s">
        <v>302</v>
      </c>
      <c r="D430" s="6"/>
      <c r="E430" s="6" t="s">
        <v>2736</v>
      </c>
      <c r="F430" s="6" t="s">
        <v>1185</v>
      </c>
      <c r="G430" s="9" t="s">
        <v>561</v>
      </c>
      <c r="H430" s="10">
        <v>38947</v>
      </c>
    </row>
    <row r="431" spans="1:8" ht="13.15" customHeight="1" x14ac:dyDescent="0.15">
      <c r="A431" s="6">
        <v>430</v>
      </c>
      <c r="B431" s="6" t="s">
        <v>88</v>
      </c>
      <c r="C431" s="6" t="s">
        <v>1186</v>
      </c>
      <c r="D431" s="6"/>
      <c r="E431" s="6"/>
      <c r="F431" s="6"/>
      <c r="G431" s="9" t="s">
        <v>1187</v>
      </c>
      <c r="H431" s="10">
        <v>38987</v>
      </c>
    </row>
    <row r="432" spans="1:8" ht="13.15" customHeight="1" x14ac:dyDescent="0.15">
      <c r="A432" s="6">
        <v>431</v>
      </c>
      <c r="B432" s="6" t="s">
        <v>1192</v>
      </c>
      <c r="C432" s="6" t="s">
        <v>1193</v>
      </c>
      <c r="D432" s="6"/>
      <c r="E432" s="6"/>
      <c r="F432" s="6"/>
      <c r="G432" s="9" t="s">
        <v>1080</v>
      </c>
      <c r="H432" s="10">
        <v>38996</v>
      </c>
    </row>
    <row r="433" spans="1:8" ht="13.15" customHeight="1" x14ac:dyDescent="0.15">
      <c r="A433" s="6">
        <v>432</v>
      </c>
      <c r="B433" s="6" t="s">
        <v>1189</v>
      </c>
      <c r="C433" s="6" t="s">
        <v>1190</v>
      </c>
      <c r="D433" s="6"/>
      <c r="E433" s="6"/>
      <c r="F433" s="6"/>
      <c r="G433" s="9" t="s">
        <v>1191</v>
      </c>
      <c r="H433" s="10">
        <v>39000</v>
      </c>
    </row>
    <row r="434" spans="1:8" ht="13.15" customHeight="1" x14ac:dyDescent="0.15">
      <c r="A434" s="6">
        <v>433</v>
      </c>
      <c r="B434" s="6" t="s">
        <v>1194</v>
      </c>
      <c r="C434" s="6" t="s">
        <v>1195</v>
      </c>
      <c r="D434" s="6"/>
      <c r="E434" s="6"/>
      <c r="F434" s="6"/>
      <c r="G434" s="9" t="s">
        <v>938</v>
      </c>
      <c r="H434" s="10">
        <v>39016</v>
      </c>
    </row>
    <row r="435" spans="1:8" ht="13.15" customHeight="1" x14ac:dyDescent="0.15">
      <c r="A435" s="6">
        <v>434</v>
      </c>
      <c r="B435" s="6" t="s">
        <v>1196</v>
      </c>
      <c r="C435" s="6" t="s">
        <v>1197</v>
      </c>
      <c r="D435" s="6"/>
      <c r="E435" s="6"/>
      <c r="F435" s="6"/>
      <c r="G435" s="9" t="s">
        <v>1198</v>
      </c>
      <c r="H435" s="10">
        <v>39017</v>
      </c>
    </row>
    <row r="436" spans="1:8" ht="13.15" customHeight="1" x14ac:dyDescent="0.15">
      <c r="A436" s="6">
        <v>435</v>
      </c>
      <c r="B436" s="6" t="s">
        <v>122</v>
      </c>
      <c r="C436" s="6" t="s">
        <v>1200</v>
      </c>
      <c r="D436" s="6"/>
      <c r="E436" s="6"/>
      <c r="F436" s="6"/>
      <c r="G436" s="9" t="s">
        <v>661</v>
      </c>
      <c r="H436" s="10">
        <v>39072</v>
      </c>
    </row>
    <row r="437" spans="1:8" ht="13.15" customHeight="1" x14ac:dyDescent="0.15">
      <c r="A437" s="6">
        <v>436</v>
      </c>
      <c r="B437" s="6" t="s">
        <v>96</v>
      </c>
      <c r="C437" s="6" t="s">
        <v>1201</v>
      </c>
      <c r="D437" s="6"/>
      <c r="E437" s="6"/>
      <c r="F437" s="6"/>
      <c r="G437" s="9" t="s">
        <v>1202</v>
      </c>
      <c r="H437" s="10">
        <v>39099</v>
      </c>
    </row>
    <row r="438" spans="1:8" ht="13.15" customHeight="1" x14ac:dyDescent="0.15">
      <c r="A438" s="6">
        <v>437</v>
      </c>
      <c r="B438" s="6" t="s">
        <v>1203</v>
      </c>
      <c r="C438" s="6" t="s">
        <v>1204</v>
      </c>
      <c r="D438" s="6" t="s">
        <v>1205</v>
      </c>
      <c r="E438" s="6"/>
      <c r="F438" s="6"/>
      <c r="G438" s="9" t="s">
        <v>99</v>
      </c>
      <c r="H438" s="10">
        <v>39102</v>
      </c>
    </row>
    <row r="439" spans="1:8" ht="13.15" customHeight="1" x14ac:dyDescent="0.15">
      <c r="A439" s="6">
        <v>438</v>
      </c>
      <c r="B439" s="6" t="s">
        <v>1206</v>
      </c>
      <c r="C439" s="6" t="s">
        <v>1207</v>
      </c>
      <c r="D439" s="6"/>
      <c r="E439" s="6"/>
      <c r="F439" s="6"/>
      <c r="G439" s="9" t="s">
        <v>1208</v>
      </c>
      <c r="H439" s="10">
        <v>39135</v>
      </c>
    </row>
    <row r="440" spans="1:8" ht="13.15" customHeight="1" x14ac:dyDescent="0.15">
      <c r="A440" s="6">
        <v>439</v>
      </c>
      <c r="B440" s="6" t="s">
        <v>1209</v>
      </c>
      <c r="C440" s="6" t="s">
        <v>1111</v>
      </c>
      <c r="D440" s="6"/>
      <c r="E440" s="6"/>
      <c r="F440" s="6"/>
      <c r="G440" s="9" t="s">
        <v>1210</v>
      </c>
      <c r="H440" s="10">
        <v>39140</v>
      </c>
    </row>
    <row r="441" spans="1:8" ht="13.15" customHeight="1" x14ac:dyDescent="0.15">
      <c r="A441" s="6">
        <v>440</v>
      </c>
      <c r="B441" s="6" t="s">
        <v>1215</v>
      </c>
      <c r="C441" s="6" t="s">
        <v>1216</v>
      </c>
      <c r="D441" s="6" t="s">
        <v>1217</v>
      </c>
      <c r="E441" s="6"/>
      <c r="F441" s="6"/>
      <c r="G441" s="9" t="s">
        <v>1218</v>
      </c>
      <c r="H441" s="10">
        <v>39196</v>
      </c>
    </row>
    <row r="442" spans="1:8" ht="13.15" customHeight="1" x14ac:dyDescent="0.15">
      <c r="A442" s="6">
        <v>441</v>
      </c>
      <c r="B442" s="6" t="s">
        <v>1220</v>
      </c>
      <c r="C442" s="6" t="s">
        <v>1221</v>
      </c>
      <c r="D442" s="6"/>
      <c r="E442" s="6"/>
      <c r="F442" s="6"/>
      <c r="G442" s="9" t="s">
        <v>1222</v>
      </c>
      <c r="H442" s="10">
        <v>39217</v>
      </c>
    </row>
    <row r="443" spans="1:8" ht="13.15" customHeight="1" x14ac:dyDescent="0.15">
      <c r="A443" s="6">
        <v>442</v>
      </c>
      <c r="B443" s="6" t="s">
        <v>1199</v>
      </c>
      <c r="C443" s="6" t="s">
        <v>1223</v>
      </c>
      <c r="D443" s="6"/>
      <c r="E443" s="6" t="s">
        <v>2737</v>
      </c>
      <c r="F443" s="6" t="s">
        <v>1224</v>
      </c>
      <c r="G443" s="9" t="s">
        <v>1225</v>
      </c>
      <c r="H443" s="10">
        <v>39218</v>
      </c>
    </row>
    <row r="444" spans="1:8" ht="13.15" customHeight="1" x14ac:dyDescent="0.15">
      <c r="A444" s="6">
        <v>443</v>
      </c>
      <c r="B444" s="6" t="s">
        <v>1021</v>
      </c>
      <c r="C444" s="6" t="s">
        <v>1022</v>
      </c>
      <c r="D444" s="6"/>
      <c r="E444" s="6"/>
      <c r="F444" s="6"/>
      <c r="G444" s="9" t="s">
        <v>1023</v>
      </c>
      <c r="H444" s="10">
        <v>39260</v>
      </c>
    </row>
    <row r="445" spans="1:8" ht="13.15" customHeight="1" x14ac:dyDescent="0.15">
      <c r="A445" s="6">
        <v>444</v>
      </c>
      <c r="B445" s="6" t="s">
        <v>1024</v>
      </c>
      <c r="C445" s="6" t="s">
        <v>1025</v>
      </c>
      <c r="D445" s="6" t="s">
        <v>1026</v>
      </c>
      <c r="E445" s="6"/>
      <c r="F445" s="6"/>
      <c r="G445" s="9" t="s">
        <v>1027</v>
      </c>
      <c r="H445" s="10">
        <v>39262</v>
      </c>
    </row>
    <row r="446" spans="1:8" ht="13.15" customHeight="1" x14ac:dyDescent="0.15">
      <c r="A446" s="6">
        <v>445</v>
      </c>
      <c r="B446" s="6" t="s">
        <v>1030</v>
      </c>
      <c r="C446" s="6" t="s">
        <v>67</v>
      </c>
      <c r="D446" s="6"/>
      <c r="E446" s="6" t="s">
        <v>2738</v>
      </c>
      <c r="F446" s="6" t="s">
        <v>1031</v>
      </c>
      <c r="G446" s="9" t="s">
        <v>1032</v>
      </c>
      <c r="H446" s="10">
        <v>39276</v>
      </c>
    </row>
    <row r="447" spans="1:8" ht="13.15" customHeight="1" x14ac:dyDescent="0.15">
      <c r="A447" s="6">
        <v>446</v>
      </c>
      <c r="B447" s="6" t="s">
        <v>485</v>
      </c>
      <c r="C447" s="6" t="s">
        <v>1033</v>
      </c>
      <c r="D447" s="6"/>
      <c r="E447" s="6"/>
      <c r="F447" s="6"/>
      <c r="G447" s="9" t="s">
        <v>1034</v>
      </c>
      <c r="H447" s="10">
        <v>39276</v>
      </c>
    </row>
    <row r="448" spans="1:8" ht="13.15" customHeight="1" x14ac:dyDescent="0.15">
      <c r="A448" s="6">
        <v>447</v>
      </c>
      <c r="B448" s="6" t="s">
        <v>930</v>
      </c>
      <c r="C448" s="6" t="s">
        <v>931</v>
      </c>
      <c r="D448" s="6"/>
      <c r="E448" s="6"/>
      <c r="F448" s="6"/>
      <c r="G448" s="9" t="s">
        <v>1227</v>
      </c>
      <c r="H448" s="10">
        <v>39301</v>
      </c>
    </row>
    <row r="449" spans="1:8" ht="13.15" customHeight="1" x14ac:dyDescent="0.15">
      <c r="A449" s="6">
        <v>448</v>
      </c>
      <c r="B449" s="6" t="s">
        <v>1228</v>
      </c>
      <c r="C449" s="6" t="s">
        <v>1229</v>
      </c>
      <c r="D449" s="6"/>
      <c r="E449" s="6"/>
      <c r="F449" s="6"/>
      <c r="G449" s="9" t="s">
        <v>668</v>
      </c>
      <c r="H449" s="10">
        <v>39339</v>
      </c>
    </row>
    <row r="450" spans="1:8" ht="13.15" customHeight="1" x14ac:dyDescent="0.15">
      <c r="A450" s="6">
        <v>449</v>
      </c>
      <c r="B450" s="6" t="s">
        <v>1233</v>
      </c>
      <c r="C450" s="6" t="s">
        <v>1234</v>
      </c>
      <c r="D450" s="6"/>
      <c r="E450" s="6"/>
      <c r="F450" s="6"/>
      <c r="G450" s="9" t="s">
        <v>1235</v>
      </c>
      <c r="H450" s="10">
        <v>39380</v>
      </c>
    </row>
    <row r="451" spans="1:8" ht="13.15" customHeight="1" x14ac:dyDescent="0.15">
      <c r="A451" s="6">
        <v>450</v>
      </c>
      <c r="B451" s="6" t="s">
        <v>1237</v>
      </c>
      <c r="C451" s="6" t="s">
        <v>1238</v>
      </c>
      <c r="D451" s="6"/>
      <c r="E451" s="6"/>
      <c r="F451" s="6"/>
      <c r="G451" s="9" t="s">
        <v>1239</v>
      </c>
      <c r="H451" s="10">
        <v>39408</v>
      </c>
    </row>
    <row r="452" spans="1:8" ht="13.15" customHeight="1" x14ac:dyDescent="0.15">
      <c r="A452" s="6">
        <v>451</v>
      </c>
      <c r="B452" s="6" t="s">
        <v>1240</v>
      </c>
      <c r="C452" s="6" t="s">
        <v>1241</v>
      </c>
      <c r="D452" s="6"/>
      <c r="E452" s="6"/>
      <c r="F452" s="6"/>
      <c r="G452" s="9" t="s">
        <v>1242</v>
      </c>
      <c r="H452" s="10">
        <v>39408</v>
      </c>
    </row>
    <row r="453" spans="1:8" ht="13.15" customHeight="1" x14ac:dyDescent="0.15">
      <c r="A453" s="6">
        <v>452</v>
      </c>
      <c r="B453" s="6" t="s">
        <v>1243</v>
      </c>
      <c r="C453" s="6" t="s">
        <v>1244</v>
      </c>
      <c r="D453" s="6"/>
      <c r="E453" s="6" t="s">
        <v>2712</v>
      </c>
      <c r="F453" s="6" t="s">
        <v>830</v>
      </c>
      <c r="G453" s="9" t="s">
        <v>1245</v>
      </c>
      <c r="H453" s="10">
        <v>39422</v>
      </c>
    </row>
    <row r="454" spans="1:8" ht="13.15" customHeight="1" x14ac:dyDescent="0.15">
      <c r="A454" s="6">
        <v>453</v>
      </c>
      <c r="B454" s="6" t="s">
        <v>1246</v>
      </c>
      <c r="C454" s="6" t="s">
        <v>1247</v>
      </c>
      <c r="D454" s="6" t="s">
        <v>1248</v>
      </c>
      <c r="E454" s="6"/>
      <c r="F454" s="6"/>
      <c r="G454" s="9" t="s">
        <v>1249</v>
      </c>
      <c r="H454" s="10">
        <v>39423</v>
      </c>
    </row>
    <row r="455" spans="1:8" ht="13.15" customHeight="1" x14ac:dyDescent="0.15">
      <c r="A455" s="6">
        <v>454</v>
      </c>
      <c r="B455" s="6" t="s">
        <v>555</v>
      </c>
      <c r="C455" s="6" t="s">
        <v>556</v>
      </c>
      <c r="D455" s="6"/>
      <c r="E455" s="6"/>
      <c r="F455" s="6"/>
      <c r="G455" s="9" t="s">
        <v>143</v>
      </c>
      <c r="H455" s="10">
        <v>39423</v>
      </c>
    </row>
    <row r="456" spans="1:8" ht="13.15" customHeight="1" x14ac:dyDescent="0.15">
      <c r="A456" s="6">
        <v>455</v>
      </c>
      <c r="B456" s="6" t="s">
        <v>1250</v>
      </c>
      <c r="C456" s="6" t="s">
        <v>1251</v>
      </c>
      <c r="D456" s="6"/>
      <c r="E456" s="6" t="s">
        <v>2713</v>
      </c>
      <c r="F456" s="6" t="s">
        <v>1129</v>
      </c>
      <c r="G456" s="9" t="s">
        <v>961</v>
      </c>
      <c r="H456" s="10">
        <v>39434</v>
      </c>
    </row>
    <row r="457" spans="1:8" ht="13.15" customHeight="1" x14ac:dyDescent="0.15">
      <c r="A457" s="6">
        <v>456</v>
      </c>
      <c r="B457" s="6" t="s">
        <v>1252</v>
      </c>
      <c r="C457" s="6" t="s">
        <v>1253</v>
      </c>
      <c r="D457" s="6"/>
      <c r="E457" s="6"/>
      <c r="F457" s="6"/>
      <c r="G457" s="9" t="s">
        <v>1254</v>
      </c>
      <c r="H457" s="10">
        <v>39436</v>
      </c>
    </row>
    <row r="458" spans="1:8" ht="13.15" customHeight="1" x14ac:dyDescent="0.15">
      <c r="A458" s="6">
        <v>457</v>
      </c>
      <c r="B458" s="6" t="s">
        <v>1255</v>
      </c>
      <c r="C458" s="6" t="s">
        <v>1256</v>
      </c>
      <c r="D458" s="6"/>
      <c r="E458" s="6"/>
      <c r="F458" s="6"/>
      <c r="G458" s="9" t="s">
        <v>1257</v>
      </c>
      <c r="H458" s="10">
        <v>39442</v>
      </c>
    </row>
    <row r="459" spans="1:8" ht="13.15" customHeight="1" x14ac:dyDescent="0.15">
      <c r="A459" s="6">
        <v>458</v>
      </c>
      <c r="B459" s="6" t="s">
        <v>1258</v>
      </c>
      <c r="C459" s="6" t="s">
        <v>1259</v>
      </c>
      <c r="D459" s="6"/>
      <c r="E459" s="6"/>
      <c r="F459" s="6"/>
      <c r="G459" s="9" t="s">
        <v>1260</v>
      </c>
      <c r="H459" s="10">
        <v>39455</v>
      </c>
    </row>
    <row r="460" spans="1:8" ht="13.15" customHeight="1" x14ac:dyDescent="0.15">
      <c r="A460" s="6">
        <v>459</v>
      </c>
      <c r="B460" s="6" t="s">
        <v>1261</v>
      </c>
      <c r="C460" s="6" t="s">
        <v>1262</v>
      </c>
      <c r="D460" s="6"/>
      <c r="E460" s="6" t="s">
        <v>2739</v>
      </c>
      <c r="F460" s="6" t="s">
        <v>1263</v>
      </c>
      <c r="G460" s="9" t="s">
        <v>1264</v>
      </c>
      <c r="H460" s="10">
        <v>39511</v>
      </c>
    </row>
    <row r="461" spans="1:8" ht="13.15" customHeight="1" x14ac:dyDescent="0.15">
      <c r="A461" s="6">
        <v>460</v>
      </c>
      <c r="B461" s="6" t="s">
        <v>1267</v>
      </c>
      <c r="C461" s="6" t="s">
        <v>1268</v>
      </c>
      <c r="D461" s="6"/>
      <c r="E461" s="6"/>
      <c r="F461" s="6"/>
      <c r="G461" s="9" t="s">
        <v>145</v>
      </c>
      <c r="H461" s="10">
        <v>39548</v>
      </c>
    </row>
    <row r="462" spans="1:8" ht="13.15" customHeight="1" x14ac:dyDescent="0.15">
      <c r="A462" s="6">
        <v>461</v>
      </c>
      <c r="B462" s="6" t="s">
        <v>1169</v>
      </c>
      <c r="C462" s="6" t="s">
        <v>1170</v>
      </c>
      <c r="D462" s="6"/>
      <c r="E462" s="6"/>
      <c r="F462" s="6"/>
      <c r="G462" s="9" t="s">
        <v>1273</v>
      </c>
      <c r="H462" s="10">
        <v>39552</v>
      </c>
    </row>
    <row r="463" spans="1:8" ht="13.15" customHeight="1" x14ac:dyDescent="0.15">
      <c r="A463" s="6">
        <v>462</v>
      </c>
      <c r="B463" s="6" t="s">
        <v>1269</v>
      </c>
      <c r="C463" s="6" t="s">
        <v>847</v>
      </c>
      <c r="D463" s="6"/>
      <c r="E463" s="6" t="s">
        <v>2740</v>
      </c>
      <c r="F463" s="6" t="s">
        <v>2632</v>
      </c>
      <c r="G463" s="9" t="s">
        <v>1270</v>
      </c>
      <c r="H463" s="10">
        <v>39553</v>
      </c>
    </row>
    <row r="464" spans="1:8" ht="13.15" customHeight="1" x14ac:dyDescent="0.15">
      <c r="A464" s="6">
        <v>463</v>
      </c>
      <c r="B464" s="6" t="s">
        <v>1275</v>
      </c>
      <c r="C464" s="6" t="s">
        <v>1276</v>
      </c>
      <c r="D464" s="6"/>
      <c r="E464" s="6"/>
      <c r="F464" s="6"/>
      <c r="G464" s="9" t="s">
        <v>1277</v>
      </c>
      <c r="H464" s="10">
        <v>39583</v>
      </c>
    </row>
    <row r="465" spans="1:8" ht="13.15" customHeight="1" x14ac:dyDescent="0.15">
      <c r="A465" s="6">
        <v>464</v>
      </c>
      <c r="B465" s="6" t="s">
        <v>1278</v>
      </c>
      <c r="C465" s="6" t="s">
        <v>1279</v>
      </c>
      <c r="D465" s="6" t="s">
        <v>1280</v>
      </c>
      <c r="E465" s="6"/>
      <c r="F465" s="6"/>
      <c r="G465" s="9" t="s">
        <v>1281</v>
      </c>
      <c r="H465" s="10">
        <v>39612</v>
      </c>
    </row>
    <row r="466" spans="1:8" ht="13.15" customHeight="1" x14ac:dyDescent="0.15">
      <c r="A466" s="6">
        <v>465</v>
      </c>
      <c r="B466" s="6" t="s">
        <v>1282</v>
      </c>
      <c r="C466" s="6" t="s">
        <v>1283</v>
      </c>
      <c r="D466" s="6"/>
      <c r="E466" s="6"/>
      <c r="F466" s="6"/>
      <c r="G466" s="9" t="s">
        <v>1284</v>
      </c>
      <c r="H466" s="10">
        <v>39618</v>
      </c>
    </row>
    <row r="467" spans="1:8" ht="13.15" customHeight="1" x14ac:dyDescent="0.15">
      <c r="A467" s="6">
        <v>466</v>
      </c>
      <c r="B467" s="6" t="s">
        <v>653</v>
      </c>
      <c r="C467" s="6" t="s">
        <v>654</v>
      </c>
      <c r="D467" s="6"/>
      <c r="E467" s="6"/>
      <c r="F467" s="6"/>
      <c r="G467" s="9" t="s">
        <v>308</v>
      </c>
      <c r="H467" s="10">
        <v>39622</v>
      </c>
    </row>
    <row r="468" spans="1:8" ht="13.15" customHeight="1" x14ac:dyDescent="0.15">
      <c r="A468" s="6">
        <v>467</v>
      </c>
      <c r="B468" s="6" t="s">
        <v>1285</v>
      </c>
      <c r="C468" s="6" t="s">
        <v>1286</v>
      </c>
      <c r="D468" s="6" t="s">
        <v>1287</v>
      </c>
      <c r="E468" s="6" t="s">
        <v>2741</v>
      </c>
      <c r="F468" s="6" t="s">
        <v>1288</v>
      </c>
      <c r="G468" s="9" t="s">
        <v>976</v>
      </c>
      <c r="H468" s="10">
        <v>39630</v>
      </c>
    </row>
    <row r="469" spans="1:8" ht="13.15" customHeight="1" x14ac:dyDescent="0.15">
      <c r="A469" s="6">
        <v>468</v>
      </c>
      <c r="B469" s="6" t="s">
        <v>1292</v>
      </c>
      <c r="C469" s="6" t="s">
        <v>1293</v>
      </c>
      <c r="D469" s="6" t="s">
        <v>1294</v>
      </c>
      <c r="E469" s="6"/>
      <c r="F469" s="6"/>
      <c r="G469" s="9" t="s">
        <v>1295</v>
      </c>
      <c r="H469" s="10">
        <v>39651</v>
      </c>
    </row>
    <row r="470" spans="1:8" ht="13.15" customHeight="1" x14ac:dyDescent="0.15">
      <c r="A470" s="6">
        <v>469</v>
      </c>
      <c r="B470" s="6" t="s">
        <v>1297</v>
      </c>
      <c r="C470" s="6" t="s">
        <v>1298</v>
      </c>
      <c r="D470" s="6"/>
      <c r="E470" s="6"/>
      <c r="F470" s="6"/>
      <c r="G470" s="9" t="s">
        <v>1299</v>
      </c>
      <c r="H470" s="10">
        <v>39668</v>
      </c>
    </row>
    <row r="471" spans="1:8" ht="13.15" customHeight="1" x14ac:dyDescent="0.15">
      <c r="A471" s="6">
        <v>470</v>
      </c>
      <c r="B471" s="6" t="s">
        <v>1362</v>
      </c>
      <c r="C471" s="6" t="s">
        <v>1363</v>
      </c>
      <c r="D471" s="6"/>
      <c r="E471" s="6" t="s">
        <v>2714</v>
      </c>
      <c r="F471" s="6" t="s">
        <v>1364</v>
      </c>
      <c r="G471" s="9" t="s">
        <v>1365</v>
      </c>
      <c r="H471" s="10">
        <v>39715</v>
      </c>
    </row>
    <row r="472" spans="1:8" ht="13.15" customHeight="1" x14ac:dyDescent="0.15">
      <c r="A472" s="6">
        <v>471</v>
      </c>
      <c r="B472" s="6" t="s">
        <v>1366</v>
      </c>
      <c r="C472" s="6" t="s">
        <v>1367</v>
      </c>
      <c r="D472" s="6"/>
      <c r="E472" s="6" t="s">
        <v>2742</v>
      </c>
      <c r="F472" s="6" t="s">
        <v>1368</v>
      </c>
      <c r="G472" s="9" t="s">
        <v>1369</v>
      </c>
      <c r="H472" s="10">
        <v>39716</v>
      </c>
    </row>
    <row r="473" spans="1:8" ht="13.15" customHeight="1" x14ac:dyDescent="0.15">
      <c r="A473" s="6">
        <v>472</v>
      </c>
      <c r="B473" s="6" t="s">
        <v>1370</v>
      </c>
      <c r="C473" s="6" t="s">
        <v>1371</v>
      </c>
      <c r="D473" s="6"/>
      <c r="E473" s="6"/>
      <c r="F473" s="6"/>
      <c r="G473" s="9" t="s">
        <v>1372</v>
      </c>
      <c r="H473" s="10">
        <v>39722</v>
      </c>
    </row>
    <row r="474" spans="1:8" s="2" customFormat="1" ht="13.15" customHeight="1" x14ac:dyDescent="0.15">
      <c r="A474" s="6">
        <v>473</v>
      </c>
      <c r="B474" s="6" t="s">
        <v>1374</v>
      </c>
      <c r="C474" s="6" t="s">
        <v>1375</v>
      </c>
      <c r="D474" s="6"/>
      <c r="E474" s="6" t="s">
        <v>2743</v>
      </c>
      <c r="F474" s="6" t="s">
        <v>676</v>
      </c>
      <c r="G474" s="9" t="s">
        <v>1376</v>
      </c>
      <c r="H474" s="10">
        <v>39743</v>
      </c>
    </row>
    <row r="475" spans="1:8" ht="13.15" customHeight="1" x14ac:dyDescent="0.15">
      <c r="A475" s="6">
        <v>474</v>
      </c>
      <c r="B475" s="6" t="s">
        <v>1378</v>
      </c>
      <c r="C475" s="6" t="s">
        <v>899</v>
      </c>
      <c r="D475" s="6"/>
      <c r="E475" s="6"/>
      <c r="F475" s="6"/>
      <c r="G475" s="9" t="s">
        <v>1379</v>
      </c>
      <c r="H475" s="10">
        <v>39752</v>
      </c>
    </row>
    <row r="476" spans="1:8" ht="13.15" customHeight="1" x14ac:dyDescent="0.15">
      <c r="A476" s="6">
        <v>475</v>
      </c>
      <c r="B476" s="6" t="s">
        <v>90</v>
      </c>
      <c r="C476" s="6" t="s">
        <v>1380</v>
      </c>
      <c r="D476" s="6" t="s">
        <v>1381</v>
      </c>
      <c r="E476" s="6" t="s">
        <v>2175</v>
      </c>
      <c r="F476" s="6" t="s">
        <v>89</v>
      </c>
      <c r="G476" s="9" t="s">
        <v>1382</v>
      </c>
      <c r="H476" s="10">
        <v>39763</v>
      </c>
    </row>
    <row r="477" spans="1:8" ht="13.15" customHeight="1" x14ac:dyDescent="0.15">
      <c r="A477" s="6">
        <v>476</v>
      </c>
      <c r="B477" s="6" t="s">
        <v>1383</v>
      </c>
      <c r="C477" s="6" t="s">
        <v>1384</v>
      </c>
      <c r="D477" s="6"/>
      <c r="E477" s="6"/>
      <c r="F477" s="6"/>
      <c r="G477" s="9" t="s">
        <v>1385</v>
      </c>
      <c r="H477" s="10">
        <v>39769</v>
      </c>
    </row>
    <row r="478" spans="1:8" ht="13.15" customHeight="1" x14ac:dyDescent="0.15">
      <c r="A478" s="6">
        <v>477</v>
      </c>
      <c r="B478" s="6" t="s">
        <v>285</v>
      </c>
      <c r="C478" s="6" t="s">
        <v>1393</v>
      </c>
      <c r="D478" s="6"/>
      <c r="E478" s="6"/>
      <c r="F478" s="6"/>
      <c r="G478" s="9" t="s">
        <v>410</v>
      </c>
      <c r="H478" s="10">
        <v>39808</v>
      </c>
    </row>
    <row r="479" spans="1:8" ht="13.15" customHeight="1" x14ac:dyDescent="0.15">
      <c r="A479" s="6">
        <v>478</v>
      </c>
      <c r="B479" s="6" t="s">
        <v>1394</v>
      </c>
      <c r="C479" s="6" t="s">
        <v>1395</v>
      </c>
      <c r="D479" s="6" t="s">
        <v>1396</v>
      </c>
      <c r="E479" s="6"/>
      <c r="F479" s="6"/>
      <c r="G479" s="9" t="s">
        <v>1397</v>
      </c>
      <c r="H479" s="10">
        <v>39820</v>
      </c>
    </row>
    <row r="480" spans="1:8" ht="13.15" customHeight="1" x14ac:dyDescent="0.15">
      <c r="A480" s="6">
        <v>479</v>
      </c>
      <c r="B480" s="6" t="s">
        <v>1401</v>
      </c>
      <c r="C480" s="6" t="s">
        <v>1402</v>
      </c>
      <c r="D480" s="6" t="s">
        <v>1403</v>
      </c>
      <c r="E480" s="6"/>
      <c r="F480" s="6"/>
      <c r="G480" s="9" t="s">
        <v>1404</v>
      </c>
      <c r="H480" s="10">
        <v>39871</v>
      </c>
    </row>
    <row r="481" spans="1:8" ht="13.15" customHeight="1" x14ac:dyDescent="0.15">
      <c r="A481" s="6">
        <v>480</v>
      </c>
      <c r="B481" s="6" t="s">
        <v>1398</v>
      </c>
      <c r="C481" s="6" t="s">
        <v>1399</v>
      </c>
      <c r="D481" s="6"/>
      <c r="E481" s="6" t="s">
        <v>2711</v>
      </c>
      <c r="F481" s="6" t="s">
        <v>3</v>
      </c>
      <c r="G481" s="9" t="s">
        <v>1400</v>
      </c>
      <c r="H481" s="10">
        <v>39875</v>
      </c>
    </row>
    <row r="482" spans="1:8" ht="13.15" customHeight="1" x14ac:dyDescent="0.15">
      <c r="A482" s="6">
        <v>481</v>
      </c>
      <c r="B482" s="6" t="s">
        <v>1405</v>
      </c>
      <c r="C482" s="6" t="s">
        <v>1406</v>
      </c>
      <c r="D482" s="6"/>
      <c r="E482" s="6"/>
      <c r="F482" s="6"/>
      <c r="G482" s="9" t="s">
        <v>1407</v>
      </c>
      <c r="H482" s="10">
        <v>39955</v>
      </c>
    </row>
    <row r="483" spans="1:8" ht="13.15" customHeight="1" x14ac:dyDescent="0.15">
      <c r="A483" s="6">
        <v>482</v>
      </c>
      <c r="B483" s="6" t="s">
        <v>1409</v>
      </c>
      <c r="C483" s="6" t="s">
        <v>154</v>
      </c>
      <c r="D483" s="6"/>
      <c r="E483" s="6" t="s">
        <v>1109</v>
      </c>
      <c r="F483" s="6" t="s">
        <v>1110</v>
      </c>
      <c r="G483" s="9" t="s">
        <v>1411</v>
      </c>
      <c r="H483" s="10">
        <v>39982</v>
      </c>
    </row>
    <row r="484" spans="1:8" ht="13.15" customHeight="1" x14ac:dyDescent="0.15">
      <c r="A484" s="6">
        <v>483</v>
      </c>
      <c r="B484" s="6" t="s">
        <v>1414</v>
      </c>
      <c r="C484" s="6" t="s">
        <v>1415</v>
      </c>
      <c r="D484" s="6"/>
      <c r="E484" s="6"/>
      <c r="F484" s="6"/>
      <c r="G484" s="9" t="s">
        <v>955</v>
      </c>
      <c r="H484" s="10">
        <v>40113</v>
      </c>
    </row>
    <row r="485" spans="1:8" ht="13.15" customHeight="1" x14ac:dyDescent="0.15">
      <c r="A485" s="6">
        <v>484</v>
      </c>
      <c r="B485" s="6" t="s">
        <v>1416</v>
      </c>
      <c r="C485" s="6" t="s">
        <v>1417</v>
      </c>
      <c r="D485" s="6"/>
      <c r="E485" s="6"/>
      <c r="F485" s="6"/>
      <c r="G485" s="9" t="s">
        <v>1418</v>
      </c>
      <c r="H485" s="10">
        <v>40114</v>
      </c>
    </row>
    <row r="486" spans="1:8" ht="13.15" customHeight="1" x14ac:dyDescent="0.15">
      <c r="A486" s="6">
        <v>485</v>
      </c>
      <c r="B486" s="6" t="s">
        <v>1419</v>
      </c>
      <c r="C486" s="6" t="s">
        <v>1420</v>
      </c>
      <c r="D486" s="6"/>
      <c r="E486" s="6"/>
      <c r="F486" s="6"/>
      <c r="G486" s="9" t="s">
        <v>1421</v>
      </c>
      <c r="H486" s="10">
        <v>40115</v>
      </c>
    </row>
    <row r="487" spans="1:8" ht="13.15" customHeight="1" x14ac:dyDescent="0.15">
      <c r="A487" s="6">
        <v>486</v>
      </c>
      <c r="B487" s="6" t="s">
        <v>1422</v>
      </c>
      <c r="C487" s="6" t="s">
        <v>1423</v>
      </c>
      <c r="D487" s="6"/>
      <c r="E487" s="6"/>
      <c r="F487" s="6"/>
      <c r="G487" s="9" t="s">
        <v>1424</v>
      </c>
      <c r="H487" s="10">
        <v>40124</v>
      </c>
    </row>
    <row r="488" spans="1:8" ht="13.15" customHeight="1" x14ac:dyDescent="0.15">
      <c r="A488" s="6">
        <v>487</v>
      </c>
      <c r="B488" s="6" t="s">
        <v>1425</v>
      </c>
      <c r="C488" s="6" t="s">
        <v>1426</v>
      </c>
      <c r="D488" s="6"/>
      <c r="E488" s="6"/>
      <c r="F488" s="6"/>
      <c r="G488" s="9" t="s">
        <v>1074</v>
      </c>
      <c r="H488" s="10">
        <v>40135</v>
      </c>
    </row>
    <row r="489" spans="1:8" ht="13.15" customHeight="1" x14ac:dyDescent="0.15">
      <c r="A489" s="6">
        <v>488</v>
      </c>
      <c r="B489" s="6" t="s">
        <v>1427</v>
      </c>
      <c r="C489" s="6" t="s">
        <v>474</v>
      </c>
      <c r="D489" s="6"/>
      <c r="E489" s="6"/>
      <c r="F489" s="6"/>
      <c r="G489" s="9" t="s">
        <v>1428</v>
      </c>
      <c r="H489" s="10">
        <v>40138</v>
      </c>
    </row>
    <row r="490" spans="1:8" ht="13.15" customHeight="1" x14ac:dyDescent="0.15">
      <c r="A490" s="6">
        <v>489</v>
      </c>
      <c r="B490" s="6" t="s">
        <v>1430</v>
      </c>
      <c r="C490" s="6" t="s">
        <v>1431</v>
      </c>
      <c r="D490" s="6"/>
      <c r="E490" s="6"/>
      <c r="F490" s="6"/>
      <c r="G490" s="9" t="s">
        <v>1432</v>
      </c>
      <c r="H490" s="10">
        <v>40239</v>
      </c>
    </row>
    <row r="491" spans="1:8" ht="13.15" customHeight="1" x14ac:dyDescent="0.15">
      <c r="A491" s="6">
        <v>490</v>
      </c>
      <c r="B491" s="6" t="s">
        <v>1434</v>
      </c>
      <c r="C491" s="6" t="s">
        <v>1435</v>
      </c>
      <c r="D491" s="6"/>
      <c r="E491" s="6"/>
      <c r="F491" s="6"/>
      <c r="G491" s="9" t="s">
        <v>1436</v>
      </c>
      <c r="H491" s="10">
        <v>40255</v>
      </c>
    </row>
    <row r="492" spans="1:8" ht="13.15" customHeight="1" x14ac:dyDescent="0.15">
      <c r="A492" s="6">
        <v>491</v>
      </c>
      <c r="B492" s="6" t="s">
        <v>1437</v>
      </c>
      <c r="C492" s="6" t="s">
        <v>1438</v>
      </c>
      <c r="D492" s="6"/>
      <c r="E492" s="6"/>
      <c r="F492" s="6"/>
      <c r="G492" s="9" t="s">
        <v>1439</v>
      </c>
      <c r="H492" s="10">
        <v>40257</v>
      </c>
    </row>
    <row r="493" spans="1:8" ht="13.15" customHeight="1" x14ac:dyDescent="0.15">
      <c r="A493" s="6">
        <v>492</v>
      </c>
      <c r="B493" s="6" t="s">
        <v>1442</v>
      </c>
      <c r="C493" s="6" t="s">
        <v>1188</v>
      </c>
      <c r="D493" s="6"/>
      <c r="E493" s="6"/>
      <c r="F493" s="6"/>
      <c r="G493" s="9" t="s">
        <v>1443</v>
      </c>
      <c r="H493" s="10">
        <v>40304</v>
      </c>
    </row>
    <row r="494" spans="1:8" ht="13.15" customHeight="1" x14ac:dyDescent="0.15">
      <c r="A494" s="6">
        <v>493</v>
      </c>
      <c r="B494" s="6" t="s">
        <v>1444</v>
      </c>
      <c r="C494" s="6" t="s">
        <v>1445</v>
      </c>
      <c r="D494" s="6" t="s">
        <v>1446</v>
      </c>
      <c r="E494" s="6"/>
      <c r="F494" s="6"/>
      <c r="G494" s="9" t="s">
        <v>1447</v>
      </c>
      <c r="H494" s="10">
        <v>40317</v>
      </c>
    </row>
    <row r="495" spans="1:8" ht="13.15" customHeight="1" x14ac:dyDescent="0.15">
      <c r="A495" s="6">
        <v>494</v>
      </c>
      <c r="B495" s="6" t="s">
        <v>1451</v>
      </c>
      <c r="C495" s="6" t="s">
        <v>1452</v>
      </c>
      <c r="D495" s="6"/>
      <c r="E495" s="6"/>
      <c r="F495" s="6"/>
      <c r="G495" s="9" t="s">
        <v>1453</v>
      </c>
      <c r="H495" s="10">
        <v>40320</v>
      </c>
    </row>
    <row r="496" spans="1:8" ht="13.15" customHeight="1" x14ac:dyDescent="0.15">
      <c r="A496" s="6">
        <v>495</v>
      </c>
      <c r="B496" s="6" t="s">
        <v>1448</v>
      </c>
      <c r="C496" s="6" t="s">
        <v>1449</v>
      </c>
      <c r="D496" s="6"/>
      <c r="E496" s="6"/>
      <c r="F496" s="6"/>
      <c r="G496" s="9" t="s">
        <v>1450</v>
      </c>
      <c r="H496" s="10">
        <v>40325</v>
      </c>
    </row>
    <row r="497" spans="1:8" ht="13.15" customHeight="1" x14ac:dyDescent="0.15">
      <c r="A497" s="6">
        <v>496</v>
      </c>
      <c r="B497" s="6" t="s">
        <v>1454</v>
      </c>
      <c r="C497" s="6" t="s">
        <v>1455</v>
      </c>
      <c r="D497" s="6"/>
      <c r="E497" s="6"/>
      <c r="F497" s="6"/>
      <c r="G497" s="9" t="s">
        <v>1456</v>
      </c>
      <c r="H497" s="10">
        <v>40325</v>
      </c>
    </row>
    <row r="498" spans="1:8" ht="13.15" customHeight="1" x14ac:dyDescent="0.15">
      <c r="A498" s="6">
        <v>497</v>
      </c>
      <c r="B498" s="6" t="s">
        <v>1457</v>
      </c>
      <c r="C498" s="6" t="s">
        <v>1458</v>
      </c>
      <c r="D498" s="6" t="s">
        <v>1459</v>
      </c>
      <c r="E498" s="6"/>
      <c r="F498" s="6"/>
      <c r="G498" s="9" t="s">
        <v>1460</v>
      </c>
      <c r="H498" s="10">
        <v>40333</v>
      </c>
    </row>
    <row r="499" spans="1:8" ht="13.15" customHeight="1" x14ac:dyDescent="0.15">
      <c r="A499" s="6">
        <v>498</v>
      </c>
      <c r="B499" s="6" t="s">
        <v>1465</v>
      </c>
      <c r="C499" s="6" t="s">
        <v>1466</v>
      </c>
      <c r="D499" s="6"/>
      <c r="E499" s="6" t="s">
        <v>2715</v>
      </c>
      <c r="F499" s="6" t="s">
        <v>1467</v>
      </c>
      <c r="G499" s="9" t="s">
        <v>1468</v>
      </c>
      <c r="H499" s="10">
        <v>40393</v>
      </c>
    </row>
    <row r="500" spans="1:8" ht="13.15" customHeight="1" x14ac:dyDescent="0.15">
      <c r="A500" s="6">
        <v>499</v>
      </c>
      <c r="B500" s="6" t="s">
        <v>1462</v>
      </c>
      <c r="C500" s="6" t="s">
        <v>1463</v>
      </c>
      <c r="D500" s="6"/>
      <c r="E500" s="6"/>
      <c r="F500" s="6"/>
      <c r="G500" s="9" t="s">
        <v>1464</v>
      </c>
      <c r="H500" s="10">
        <v>40394</v>
      </c>
    </row>
    <row r="501" spans="1:8" s="2" customFormat="1" ht="13.15" customHeight="1" x14ac:dyDescent="0.15">
      <c r="A501" s="6">
        <v>500</v>
      </c>
      <c r="B501" s="6" t="s">
        <v>2402</v>
      </c>
      <c r="C501" s="6" t="s">
        <v>2401</v>
      </c>
      <c r="D501" s="6" t="s">
        <v>1471</v>
      </c>
      <c r="E501" s="6" t="s">
        <v>2744</v>
      </c>
      <c r="F501" s="6" t="s">
        <v>1472</v>
      </c>
      <c r="G501" s="14" t="s">
        <v>1473</v>
      </c>
      <c r="H501" s="10">
        <v>40422</v>
      </c>
    </row>
    <row r="502" spans="1:8" ht="13.15" customHeight="1" x14ac:dyDescent="0.15">
      <c r="A502" s="6">
        <v>501</v>
      </c>
      <c r="B502" s="6" t="s">
        <v>587</v>
      </c>
      <c r="C502" s="6" t="s">
        <v>1474</v>
      </c>
      <c r="D502" s="6"/>
      <c r="E502" s="6"/>
      <c r="F502" s="6"/>
      <c r="G502" s="9" t="s">
        <v>309</v>
      </c>
      <c r="H502" s="10">
        <v>40422</v>
      </c>
    </row>
    <row r="503" spans="1:8" ht="13.15" customHeight="1" x14ac:dyDescent="0.15">
      <c r="A503" s="6">
        <v>502</v>
      </c>
      <c r="B503" s="6" t="s">
        <v>1475</v>
      </c>
      <c r="C503" s="6" t="s">
        <v>1476</v>
      </c>
      <c r="D503" s="6"/>
      <c r="E503" s="6"/>
      <c r="F503" s="6"/>
      <c r="G503" s="9" t="s">
        <v>1477</v>
      </c>
      <c r="H503" s="10">
        <v>40432</v>
      </c>
    </row>
    <row r="504" spans="1:8" ht="13.15" customHeight="1" x14ac:dyDescent="0.15">
      <c r="A504" s="6">
        <v>503</v>
      </c>
      <c r="B504" s="6" t="s">
        <v>1478</v>
      </c>
      <c r="C504" s="6" t="s">
        <v>2811</v>
      </c>
      <c r="D504" s="6" t="s">
        <v>1479</v>
      </c>
      <c r="E504" s="6"/>
      <c r="F504" s="6"/>
      <c r="G504" s="9" t="s">
        <v>538</v>
      </c>
      <c r="H504" s="10">
        <v>40471</v>
      </c>
    </row>
    <row r="505" spans="1:8" ht="13.15" customHeight="1" x14ac:dyDescent="0.15">
      <c r="A505" s="6">
        <v>504</v>
      </c>
      <c r="B505" s="6" t="s">
        <v>1480</v>
      </c>
      <c r="C505" s="6" t="s">
        <v>1481</v>
      </c>
      <c r="D505" s="6" t="s">
        <v>1482</v>
      </c>
      <c r="E505" s="6"/>
      <c r="F505" s="6"/>
      <c r="G505" s="9" t="s">
        <v>604</v>
      </c>
      <c r="H505" s="10">
        <v>40477</v>
      </c>
    </row>
    <row r="506" spans="1:8" ht="13.15" customHeight="1" x14ac:dyDescent="0.15">
      <c r="A506" s="6">
        <v>505</v>
      </c>
      <c r="B506" s="6" t="s">
        <v>1483</v>
      </c>
      <c r="C506" s="6" t="s">
        <v>1484</v>
      </c>
      <c r="D506" s="6"/>
      <c r="E506" s="6"/>
      <c r="F506" s="6"/>
      <c r="G506" s="9" t="s">
        <v>1485</v>
      </c>
      <c r="H506" s="10">
        <v>40485</v>
      </c>
    </row>
    <row r="507" spans="1:8" ht="13.15" customHeight="1" x14ac:dyDescent="0.15">
      <c r="A507" s="6">
        <v>506</v>
      </c>
      <c r="B507" s="6" t="s">
        <v>1486</v>
      </c>
      <c r="C507" s="6" t="s">
        <v>1487</v>
      </c>
      <c r="D507" s="6"/>
      <c r="E507" s="6"/>
      <c r="F507" s="6"/>
      <c r="G507" s="9" t="s">
        <v>1488</v>
      </c>
      <c r="H507" s="10">
        <v>40485</v>
      </c>
    </row>
    <row r="508" spans="1:8" ht="13.15" customHeight="1" x14ac:dyDescent="0.15">
      <c r="A508" s="6">
        <v>507</v>
      </c>
      <c r="B508" s="6" t="s">
        <v>1489</v>
      </c>
      <c r="C508" s="6" t="s">
        <v>1490</v>
      </c>
      <c r="D508" s="6"/>
      <c r="E508" s="6"/>
      <c r="F508" s="6"/>
      <c r="G508" s="9" t="s">
        <v>1491</v>
      </c>
      <c r="H508" s="10">
        <v>40492</v>
      </c>
    </row>
    <row r="509" spans="1:8" ht="13.15" customHeight="1" x14ac:dyDescent="0.15">
      <c r="A509" s="6">
        <v>508</v>
      </c>
      <c r="B509" s="6" t="s">
        <v>608</v>
      </c>
      <c r="C509" s="6" t="s">
        <v>1492</v>
      </c>
      <c r="D509" s="6"/>
      <c r="E509" s="6"/>
      <c r="F509" s="6"/>
      <c r="G509" s="9" t="s">
        <v>233</v>
      </c>
      <c r="H509" s="10">
        <v>40495</v>
      </c>
    </row>
    <row r="510" spans="1:8" ht="13.15" customHeight="1" x14ac:dyDescent="0.15">
      <c r="A510" s="6">
        <v>509</v>
      </c>
      <c r="B510" s="6" t="s">
        <v>1107</v>
      </c>
      <c r="C510" s="6" t="s">
        <v>1108</v>
      </c>
      <c r="D510" s="6" t="s">
        <v>1493</v>
      </c>
      <c r="E510" s="6"/>
      <c r="F510" s="6"/>
      <c r="G510" s="9" t="s">
        <v>1494</v>
      </c>
      <c r="H510" s="10">
        <v>40495</v>
      </c>
    </row>
    <row r="511" spans="1:8" ht="13.15" customHeight="1" x14ac:dyDescent="0.15">
      <c r="A511" s="6">
        <v>510</v>
      </c>
      <c r="B511" s="6" t="s">
        <v>1495</v>
      </c>
      <c r="C511" s="6" t="s">
        <v>1496</v>
      </c>
      <c r="D511" s="6"/>
      <c r="E511" s="6"/>
      <c r="F511" s="6"/>
      <c r="G511" s="9" t="s">
        <v>1497</v>
      </c>
      <c r="H511" s="10">
        <v>40519</v>
      </c>
    </row>
    <row r="512" spans="1:8" ht="13.15" customHeight="1" x14ac:dyDescent="0.15">
      <c r="A512" s="6">
        <v>511</v>
      </c>
      <c r="B512" s="6" t="s">
        <v>1498</v>
      </c>
      <c r="C512" s="6" t="s">
        <v>1499</v>
      </c>
      <c r="D512" s="6"/>
      <c r="E512" s="6"/>
      <c r="F512" s="6"/>
      <c r="G512" s="9" t="s">
        <v>1500</v>
      </c>
      <c r="H512" s="10">
        <v>40530</v>
      </c>
    </row>
    <row r="513" spans="1:8" ht="13.15" customHeight="1" x14ac:dyDescent="0.15">
      <c r="A513" s="6">
        <v>512</v>
      </c>
      <c r="B513" s="6" t="s">
        <v>871</v>
      </c>
      <c r="C513" s="6" t="s">
        <v>1503</v>
      </c>
      <c r="D513" s="6"/>
      <c r="E513" s="6"/>
      <c r="F513" s="6"/>
      <c r="G513" s="9" t="s">
        <v>1504</v>
      </c>
      <c r="H513" s="10">
        <v>40564</v>
      </c>
    </row>
    <row r="514" spans="1:8" ht="13.15" customHeight="1" x14ac:dyDescent="0.15">
      <c r="A514" s="6">
        <v>513</v>
      </c>
      <c r="B514" s="6" t="s">
        <v>1506</v>
      </c>
      <c r="C514" s="6" t="s">
        <v>1507</v>
      </c>
      <c r="D514" s="6"/>
      <c r="E514" s="6" t="s">
        <v>2716</v>
      </c>
      <c r="F514" s="6" t="s">
        <v>1508</v>
      </c>
      <c r="G514" s="9" t="s">
        <v>928</v>
      </c>
      <c r="H514" s="10">
        <v>40577</v>
      </c>
    </row>
    <row r="515" spans="1:8" ht="13.15" customHeight="1" x14ac:dyDescent="0.15">
      <c r="A515" s="6">
        <v>514</v>
      </c>
      <c r="B515" s="6" t="s">
        <v>1509</v>
      </c>
      <c r="C515" s="6" t="s">
        <v>1510</v>
      </c>
      <c r="D515" s="6"/>
      <c r="E515" s="6"/>
      <c r="F515" s="6"/>
      <c r="G515" s="9" t="s">
        <v>1511</v>
      </c>
      <c r="H515" s="10">
        <v>40596</v>
      </c>
    </row>
    <row r="516" spans="1:8" ht="13.15" customHeight="1" x14ac:dyDescent="0.15">
      <c r="A516" s="6">
        <v>515</v>
      </c>
      <c r="B516" s="6" t="s">
        <v>2472</v>
      </c>
      <c r="C516" s="6" t="s">
        <v>1512</v>
      </c>
      <c r="D516" s="6"/>
      <c r="E516" s="6"/>
      <c r="F516" s="6"/>
      <c r="G516" s="9" t="s">
        <v>1513</v>
      </c>
      <c r="H516" s="10">
        <v>40599</v>
      </c>
    </row>
    <row r="517" spans="1:8" ht="13.15" customHeight="1" x14ac:dyDescent="0.15">
      <c r="A517" s="6">
        <v>516</v>
      </c>
      <c r="B517" s="6" t="s">
        <v>1514</v>
      </c>
      <c r="C517" s="6" t="s">
        <v>1515</v>
      </c>
      <c r="D517" s="6" t="s">
        <v>1516</v>
      </c>
      <c r="E517" s="6"/>
      <c r="F517" s="6"/>
      <c r="G517" s="9" t="s">
        <v>749</v>
      </c>
      <c r="H517" s="10">
        <v>40605</v>
      </c>
    </row>
    <row r="518" spans="1:8" ht="13.15" customHeight="1" x14ac:dyDescent="0.15">
      <c r="A518" s="6">
        <v>517</v>
      </c>
      <c r="B518" s="6" t="s">
        <v>1517</v>
      </c>
      <c r="C518" s="6" t="s">
        <v>548</v>
      </c>
      <c r="D518" s="6" t="s">
        <v>1518</v>
      </c>
      <c r="E518" s="6" t="s">
        <v>2745</v>
      </c>
      <c r="F518" s="6" t="s">
        <v>1519</v>
      </c>
      <c r="G518" s="9" t="s">
        <v>359</v>
      </c>
      <c r="H518" s="10">
        <v>40634</v>
      </c>
    </row>
    <row r="519" spans="1:8" ht="13.15" customHeight="1" x14ac:dyDescent="0.15">
      <c r="A519" s="6">
        <v>518</v>
      </c>
      <c r="B519" s="6" t="s">
        <v>1520</v>
      </c>
      <c r="C519" s="6" t="s">
        <v>1521</v>
      </c>
      <c r="D519" s="6"/>
      <c r="E519" s="6" t="s">
        <v>2717</v>
      </c>
      <c r="F519" s="6" t="s">
        <v>1522</v>
      </c>
      <c r="G519" s="9" t="s">
        <v>1523</v>
      </c>
      <c r="H519" s="10">
        <v>40644</v>
      </c>
    </row>
    <row r="520" spans="1:8" ht="13.15" customHeight="1" x14ac:dyDescent="0.15">
      <c r="A520" s="6">
        <v>519</v>
      </c>
      <c r="B520" s="6" t="s">
        <v>1524</v>
      </c>
      <c r="C520" s="6" t="s">
        <v>1525</v>
      </c>
      <c r="D520" s="6"/>
      <c r="E520" s="6"/>
      <c r="F520" s="6"/>
      <c r="G520" s="9" t="s">
        <v>1526</v>
      </c>
      <c r="H520" s="10">
        <v>40656</v>
      </c>
    </row>
    <row r="521" spans="1:8" ht="13.15" customHeight="1" x14ac:dyDescent="0.15">
      <c r="A521" s="6">
        <v>520</v>
      </c>
      <c r="B521" s="6" t="s">
        <v>1527</v>
      </c>
      <c r="C521" s="6" t="s">
        <v>1528</v>
      </c>
      <c r="D521" s="6"/>
      <c r="E521" s="6"/>
      <c r="F521" s="6"/>
      <c r="G521" s="9" t="s">
        <v>766</v>
      </c>
      <c r="H521" s="10">
        <v>40660</v>
      </c>
    </row>
    <row r="522" spans="1:8" ht="13.15" customHeight="1" x14ac:dyDescent="0.15">
      <c r="A522" s="6">
        <v>521</v>
      </c>
      <c r="B522" s="6" t="s">
        <v>1531</v>
      </c>
      <c r="C522" s="6" t="s">
        <v>1532</v>
      </c>
      <c r="D522" s="6"/>
      <c r="E522" s="6"/>
      <c r="F522" s="6"/>
      <c r="G522" s="9" t="s">
        <v>1533</v>
      </c>
      <c r="H522" s="10">
        <v>40662</v>
      </c>
    </row>
    <row r="523" spans="1:8" ht="13.15" customHeight="1" x14ac:dyDescent="0.15">
      <c r="A523" s="6">
        <v>522</v>
      </c>
      <c r="B523" s="6" t="s">
        <v>1529</v>
      </c>
      <c r="C523" s="6" t="s">
        <v>788</v>
      </c>
      <c r="D523" s="6" t="s">
        <v>1530</v>
      </c>
      <c r="E523" s="6"/>
      <c r="F523" s="6"/>
      <c r="G523" s="9" t="s">
        <v>1052</v>
      </c>
      <c r="H523" s="10">
        <v>40664</v>
      </c>
    </row>
    <row r="524" spans="1:8" ht="13.15" customHeight="1" x14ac:dyDescent="0.15">
      <c r="A524" s="6">
        <v>523</v>
      </c>
      <c r="B524" s="6" t="s">
        <v>1534</v>
      </c>
      <c r="C524" s="6" t="s">
        <v>872</v>
      </c>
      <c r="D524" s="6" t="s">
        <v>1535</v>
      </c>
      <c r="E524" s="6"/>
      <c r="F524" s="6"/>
      <c r="G524" s="9" t="s">
        <v>1536</v>
      </c>
      <c r="H524" s="10">
        <v>40687</v>
      </c>
    </row>
    <row r="525" spans="1:8" ht="13.15" customHeight="1" x14ac:dyDescent="0.15">
      <c r="A525" s="6">
        <v>524</v>
      </c>
      <c r="B525" s="6" t="s">
        <v>1537</v>
      </c>
      <c r="C525" s="6" t="s">
        <v>1538</v>
      </c>
      <c r="D525" s="6"/>
      <c r="E525" s="6"/>
      <c r="F525" s="6"/>
      <c r="G525" s="9" t="s">
        <v>33</v>
      </c>
      <c r="H525" s="10">
        <v>40688</v>
      </c>
    </row>
    <row r="526" spans="1:8" ht="13.15" customHeight="1" x14ac:dyDescent="0.15">
      <c r="A526" s="6">
        <v>525</v>
      </c>
      <c r="B526" s="6" t="s">
        <v>1541</v>
      </c>
      <c r="C526" s="6" t="s">
        <v>1542</v>
      </c>
      <c r="D526" s="6"/>
      <c r="E526" s="6"/>
      <c r="F526" s="6"/>
      <c r="G526" s="9" t="s">
        <v>1543</v>
      </c>
      <c r="H526" s="10">
        <v>40691</v>
      </c>
    </row>
    <row r="527" spans="1:8" ht="13.15" customHeight="1" x14ac:dyDescent="0.15">
      <c r="A527" s="6">
        <v>526</v>
      </c>
      <c r="B527" s="6" t="s">
        <v>1539</v>
      </c>
      <c r="C527" s="6" t="s">
        <v>1540</v>
      </c>
      <c r="D527" s="6"/>
      <c r="E527" s="6"/>
      <c r="F527" s="6"/>
      <c r="G527" s="9" t="s">
        <v>1310</v>
      </c>
      <c r="H527" s="10">
        <v>40692</v>
      </c>
    </row>
    <row r="528" spans="1:8" ht="13.15" customHeight="1" x14ac:dyDescent="0.15">
      <c r="A528" s="6">
        <v>527</v>
      </c>
      <c r="B528" s="6" t="s">
        <v>1546</v>
      </c>
      <c r="C528" s="6" t="s">
        <v>1547</v>
      </c>
      <c r="D528" s="6"/>
      <c r="E528" s="6"/>
      <c r="F528" s="6"/>
      <c r="G528" s="9" t="s">
        <v>1549</v>
      </c>
      <c r="H528" s="10">
        <v>40730</v>
      </c>
    </row>
    <row r="529" spans="1:8" x14ac:dyDescent="0.15">
      <c r="A529" s="6">
        <v>528</v>
      </c>
      <c r="B529" s="6" t="s">
        <v>1553</v>
      </c>
      <c r="C529" s="6" t="s">
        <v>1554</v>
      </c>
      <c r="D529" s="6"/>
      <c r="E529" s="6"/>
      <c r="F529" s="6"/>
      <c r="G529" s="9" t="s">
        <v>650</v>
      </c>
      <c r="H529" s="10">
        <v>40739</v>
      </c>
    </row>
    <row r="530" spans="1:8" ht="13.15" customHeight="1" x14ac:dyDescent="0.15">
      <c r="A530" s="6">
        <v>529</v>
      </c>
      <c r="B530" s="6" t="s">
        <v>1550</v>
      </c>
      <c r="C530" s="6" t="s">
        <v>1551</v>
      </c>
      <c r="D530" s="6"/>
      <c r="E530" s="6"/>
      <c r="F530" s="6"/>
      <c r="G530" s="9" t="s">
        <v>1552</v>
      </c>
      <c r="H530" s="10">
        <v>40743</v>
      </c>
    </row>
    <row r="531" spans="1:8" ht="13.15" customHeight="1" x14ac:dyDescent="0.15">
      <c r="A531" s="6">
        <v>530</v>
      </c>
      <c r="B531" s="6" t="s">
        <v>1555</v>
      </c>
      <c r="C531" s="6" t="s">
        <v>1429</v>
      </c>
      <c r="D531" s="6" t="s">
        <v>1556</v>
      </c>
      <c r="E531" s="6" t="s">
        <v>2746</v>
      </c>
      <c r="F531" s="6" t="s">
        <v>1557</v>
      </c>
      <c r="G531" s="9" t="s">
        <v>1558</v>
      </c>
      <c r="H531" s="10">
        <v>40760</v>
      </c>
    </row>
    <row r="532" spans="1:8" ht="13.15" customHeight="1" x14ac:dyDescent="0.15">
      <c r="A532" s="6">
        <v>531</v>
      </c>
      <c r="B532" s="6" t="s">
        <v>1561</v>
      </c>
      <c r="C532" s="6" t="s">
        <v>1562</v>
      </c>
      <c r="D532" s="6"/>
      <c r="E532" s="6"/>
      <c r="F532" s="6"/>
      <c r="G532" s="9" t="s">
        <v>1563</v>
      </c>
      <c r="H532" s="10">
        <v>40801</v>
      </c>
    </row>
    <row r="533" spans="1:8" ht="13.15" customHeight="1" x14ac:dyDescent="0.15">
      <c r="A533" s="6">
        <v>532</v>
      </c>
      <c r="B533" s="6" t="s">
        <v>1564</v>
      </c>
      <c r="C533" s="6" t="s">
        <v>1565</v>
      </c>
      <c r="D533" s="6"/>
      <c r="E533" s="6"/>
      <c r="F533" s="6"/>
      <c r="G533" s="9" t="s">
        <v>266</v>
      </c>
      <c r="H533" s="10">
        <v>40808</v>
      </c>
    </row>
    <row r="534" spans="1:8" ht="13.15" customHeight="1" x14ac:dyDescent="0.15">
      <c r="A534" s="6">
        <v>533</v>
      </c>
      <c r="B534" s="6" t="s">
        <v>1566</v>
      </c>
      <c r="C534" s="6" t="s">
        <v>1567</v>
      </c>
      <c r="D534" s="6" t="s">
        <v>1568</v>
      </c>
      <c r="E534" s="6"/>
      <c r="F534" s="6"/>
      <c r="G534" s="9" t="s">
        <v>964</v>
      </c>
      <c r="H534" s="10">
        <v>40821</v>
      </c>
    </row>
    <row r="535" spans="1:8" ht="13.15" customHeight="1" x14ac:dyDescent="0.15">
      <c r="A535" s="6">
        <v>534</v>
      </c>
      <c r="B535" s="6" t="s">
        <v>1569</v>
      </c>
      <c r="C535" s="6" t="s">
        <v>1570</v>
      </c>
      <c r="D535" s="6"/>
      <c r="E535" s="6"/>
      <c r="F535" s="6"/>
      <c r="G535" s="9" t="s">
        <v>1571</v>
      </c>
      <c r="H535" s="10">
        <v>40848</v>
      </c>
    </row>
    <row r="536" spans="1:8" ht="13.15" customHeight="1" x14ac:dyDescent="0.15">
      <c r="A536" s="6">
        <v>535</v>
      </c>
      <c r="B536" s="6" t="s">
        <v>1572</v>
      </c>
      <c r="C536" s="6" t="s">
        <v>1573</v>
      </c>
      <c r="D536" s="6"/>
      <c r="E536" s="6"/>
      <c r="F536" s="6"/>
      <c r="G536" s="9" t="s">
        <v>580</v>
      </c>
      <c r="H536" s="10">
        <v>40850</v>
      </c>
    </row>
    <row r="537" spans="1:8" ht="13.15" customHeight="1" x14ac:dyDescent="0.15">
      <c r="A537" s="6">
        <v>536</v>
      </c>
      <c r="B537" s="6" t="s">
        <v>1574</v>
      </c>
      <c r="C537" s="6" t="s">
        <v>1575</v>
      </c>
      <c r="D537" s="6"/>
      <c r="E537" s="6"/>
      <c r="F537" s="6"/>
      <c r="G537" s="9" t="s">
        <v>344</v>
      </c>
      <c r="H537" s="10">
        <v>40900</v>
      </c>
    </row>
    <row r="538" spans="1:8" ht="13.15" customHeight="1" x14ac:dyDescent="0.15">
      <c r="A538" s="6">
        <v>537</v>
      </c>
      <c r="B538" s="6" t="s">
        <v>1576</v>
      </c>
      <c r="C538" s="6" t="s">
        <v>1577</v>
      </c>
      <c r="D538" s="6"/>
      <c r="E538" s="6"/>
      <c r="F538" s="6"/>
      <c r="G538" s="9" t="s">
        <v>679</v>
      </c>
      <c r="H538" s="10">
        <v>40902</v>
      </c>
    </row>
    <row r="539" spans="1:8" ht="13.15" customHeight="1" x14ac:dyDescent="0.15">
      <c r="A539" s="6">
        <v>538</v>
      </c>
      <c r="B539" s="6" t="s">
        <v>1578</v>
      </c>
      <c r="C539" s="6" t="s">
        <v>1579</v>
      </c>
      <c r="D539" s="6"/>
      <c r="E539" s="6"/>
      <c r="F539" s="6"/>
      <c r="G539" s="9" t="s">
        <v>1580</v>
      </c>
      <c r="H539" s="10">
        <v>40929</v>
      </c>
    </row>
    <row r="540" spans="1:8" ht="13.15" customHeight="1" x14ac:dyDescent="0.15">
      <c r="A540" s="6">
        <v>539</v>
      </c>
      <c r="B540" s="6" t="s">
        <v>1581</v>
      </c>
      <c r="C540" s="6" t="s">
        <v>1582</v>
      </c>
      <c r="D540" s="6"/>
      <c r="E540" s="6"/>
      <c r="F540" s="6"/>
      <c r="G540" s="9" t="s">
        <v>1583</v>
      </c>
      <c r="H540" s="10">
        <v>40946</v>
      </c>
    </row>
    <row r="541" spans="1:8" ht="13.15" customHeight="1" x14ac:dyDescent="0.15">
      <c r="A541" s="6">
        <v>540</v>
      </c>
      <c r="B541" s="6" t="s">
        <v>1584</v>
      </c>
      <c r="C541" s="6" t="s">
        <v>1585</v>
      </c>
      <c r="D541" s="6"/>
      <c r="E541" s="6"/>
      <c r="F541" s="6"/>
      <c r="G541" s="9" t="s">
        <v>1586</v>
      </c>
      <c r="H541" s="10">
        <v>40960</v>
      </c>
    </row>
    <row r="542" spans="1:8" ht="13.15" customHeight="1" x14ac:dyDescent="0.15">
      <c r="A542" s="6">
        <v>541</v>
      </c>
      <c r="B542" s="6" t="s">
        <v>1589</v>
      </c>
      <c r="C542" s="6" t="s">
        <v>1590</v>
      </c>
      <c r="D542" s="6"/>
      <c r="E542" s="6"/>
      <c r="F542" s="6"/>
      <c r="G542" s="9" t="s">
        <v>1591</v>
      </c>
      <c r="H542" s="10">
        <v>40993</v>
      </c>
    </row>
    <row r="543" spans="1:8" ht="13.15" customHeight="1" x14ac:dyDescent="0.15">
      <c r="A543" s="6">
        <v>542</v>
      </c>
      <c r="B543" s="6" t="s">
        <v>1592</v>
      </c>
      <c r="C543" s="6" t="s">
        <v>1593</v>
      </c>
      <c r="D543" s="6"/>
      <c r="E543" s="6"/>
      <c r="F543" s="6"/>
      <c r="G543" s="9" t="s">
        <v>1594</v>
      </c>
      <c r="H543" s="10">
        <v>41002</v>
      </c>
    </row>
    <row r="544" spans="1:8" ht="13.15" customHeight="1" x14ac:dyDescent="0.15">
      <c r="A544" s="6">
        <v>543</v>
      </c>
      <c r="B544" s="6" t="s">
        <v>1595</v>
      </c>
      <c r="C544" s="6" t="s">
        <v>1596</v>
      </c>
      <c r="D544" s="6"/>
      <c r="E544" s="6"/>
      <c r="F544" s="6"/>
      <c r="G544" s="9" t="s">
        <v>1597</v>
      </c>
      <c r="H544" s="10">
        <v>41009</v>
      </c>
    </row>
    <row r="545" spans="1:8" ht="13.15" customHeight="1" x14ac:dyDescent="0.15">
      <c r="A545" s="6">
        <v>544</v>
      </c>
      <c r="B545" s="6" t="s">
        <v>1211</v>
      </c>
      <c r="C545" s="6" t="s">
        <v>189</v>
      </c>
      <c r="D545" s="6" t="s">
        <v>1598</v>
      </c>
      <c r="E545" s="6"/>
      <c r="F545" s="6"/>
      <c r="G545" s="9" t="s">
        <v>79</v>
      </c>
      <c r="H545" s="10">
        <v>41009</v>
      </c>
    </row>
    <row r="546" spans="1:8" ht="13.15" customHeight="1" x14ac:dyDescent="0.15">
      <c r="A546" s="6">
        <v>545</v>
      </c>
      <c r="B546" s="6" t="s">
        <v>1602</v>
      </c>
      <c r="C546" s="6" t="s">
        <v>1603</v>
      </c>
      <c r="D546" s="6" t="s">
        <v>1604</v>
      </c>
      <c r="E546" s="6"/>
      <c r="F546" s="6"/>
      <c r="G546" s="9" t="s">
        <v>329</v>
      </c>
      <c r="H546" s="10">
        <v>41027</v>
      </c>
    </row>
    <row r="547" spans="1:8" ht="13.15" customHeight="1" x14ac:dyDescent="0.15">
      <c r="A547" s="6">
        <v>546</v>
      </c>
      <c r="B547" s="6" t="s">
        <v>1605</v>
      </c>
      <c r="C547" s="6" t="s">
        <v>1606</v>
      </c>
      <c r="D547" s="6"/>
      <c r="E547" s="6" t="s">
        <v>2717</v>
      </c>
      <c r="F547" s="6" t="s">
        <v>1522</v>
      </c>
      <c r="G547" s="9" t="s">
        <v>364</v>
      </c>
      <c r="H547" s="10">
        <v>41040</v>
      </c>
    </row>
    <row r="548" spans="1:8" ht="13.15" customHeight="1" x14ac:dyDescent="0.15">
      <c r="A548" s="6">
        <v>547</v>
      </c>
      <c r="B548" s="6" t="s">
        <v>1607</v>
      </c>
      <c r="C548" s="6" t="s">
        <v>1608</v>
      </c>
      <c r="D548" s="6"/>
      <c r="E548" s="6"/>
      <c r="F548" s="6"/>
      <c r="G548" s="9" t="s">
        <v>294</v>
      </c>
      <c r="H548" s="10">
        <v>41046</v>
      </c>
    </row>
    <row r="549" spans="1:8" ht="13.15" customHeight="1" x14ac:dyDescent="0.15">
      <c r="A549" s="6">
        <v>548</v>
      </c>
      <c r="B549" s="6" t="s">
        <v>1599</v>
      </c>
      <c r="C549" s="6" t="s">
        <v>1600</v>
      </c>
      <c r="D549" s="6"/>
      <c r="E549" s="6"/>
      <c r="F549" s="6"/>
      <c r="G549" s="9" t="s">
        <v>1601</v>
      </c>
      <c r="H549" s="10">
        <v>41051</v>
      </c>
    </row>
    <row r="550" spans="1:8" ht="13.15" customHeight="1" x14ac:dyDescent="0.15">
      <c r="A550" s="6">
        <v>549</v>
      </c>
      <c r="B550" s="6" t="s">
        <v>1609</v>
      </c>
      <c r="C550" s="6" t="s">
        <v>1610</v>
      </c>
      <c r="D550" s="6" t="s">
        <v>1459</v>
      </c>
      <c r="E550" s="6"/>
      <c r="F550" s="6"/>
      <c r="G550" s="9" t="s">
        <v>1611</v>
      </c>
      <c r="H550" s="10">
        <v>41051</v>
      </c>
    </row>
    <row r="551" spans="1:8" ht="13.15" customHeight="1" x14ac:dyDescent="0.15">
      <c r="A551" s="6">
        <v>550</v>
      </c>
      <c r="B551" s="6" t="s">
        <v>1300</v>
      </c>
      <c r="C551" s="6" t="s">
        <v>1301</v>
      </c>
      <c r="D551" s="6"/>
      <c r="E551" s="6"/>
      <c r="F551" s="6"/>
      <c r="G551" s="9" t="s">
        <v>1302</v>
      </c>
      <c r="H551" s="10">
        <v>41065</v>
      </c>
    </row>
    <row r="552" spans="1:8" ht="13.15" customHeight="1" x14ac:dyDescent="0.15">
      <c r="A552" s="6">
        <v>551</v>
      </c>
      <c r="B552" s="6" t="s">
        <v>1303</v>
      </c>
      <c r="C552" s="6" t="s">
        <v>1304</v>
      </c>
      <c r="D552" s="6"/>
      <c r="E552" s="6"/>
      <c r="F552" s="6"/>
      <c r="G552" s="9" t="s">
        <v>129</v>
      </c>
      <c r="H552" s="10">
        <v>41065</v>
      </c>
    </row>
    <row r="553" spans="1:8" ht="13.15" customHeight="1" x14ac:dyDescent="0.15">
      <c r="A553" s="6">
        <v>552</v>
      </c>
      <c r="B553" s="6" t="s">
        <v>1308</v>
      </c>
      <c r="C553" s="6" t="s">
        <v>1309</v>
      </c>
      <c r="D553" s="6"/>
      <c r="E553" s="6"/>
      <c r="F553" s="6"/>
      <c r="G553" s="9" t="s">
        <v>224</v>
      </c>
      <c r="H553" s="10">
        <v>41072</v>
      </c>
    </row>
    <row r="554" spans="1:8" ht="13.15" customHeight="1" x14ac:dyDescent="0.15">
      <c r="A554" s="6">
        <v>553</v>
      </c>
      <c r="B554" s="6" t="s">
        <v>1305</v>
      </c>
      <c r="C554" s="6" t="s">
        <v>1306</v>
      </c>
      <c r="D554" s="6"/>
      <c r="E554" s="6"/>
      <c r="F554" s="6"/>
      <c r="G554" s="9" t="s">
        <v>1307</v>
      </c>
      <c r="H554" s="10">
        <v>41075</v>
      </c>
    </row>
    <row r="555" spans="1:8" ht="13.15" customHeight="1" x14ac:dyDescent="0.15">
      <c r="A555" s="6">
        <v>554</v>
      </c>
      <c r="B555" s="6" t="s">
        <v>1311</v>
      </c>
      <c r="C555" s="6" t="s">
        <v>1312</v>
      </c>
      <c r="D555" s="6"/>
      <c r="E555" s="6"/>
      <c r="F555" s="6"/>
      <c r="G555" s="9" t="s">
        <v>1314</v>
      </c>
      <c r="H555" s="10">
        <v>41126</v>
      </c>
    </row>
    <row r="556" spans="1:8" ht="13.15" customHeight="1" x14ac:dyDescent="0.15">
      <c r="A556" s="6">
        <v>555</v>
      </c>
      <c r="B556" s="6" t="s">
        <v>1317</v>
      </c>
      <c r="C556" s="6" t="s">
        <v>1318</v>
      </c>
      <c r="D556" s="6"/>
      <c r="E556" s="6" t="s">
        <v>2747</v>
      </c>
      <c r="F556" s="6" t="s">
        <v>1319</v>
      </c>
      <c r="G556" s="9" t="s">
        <v>325</v>
      </c>
      <c r="H556" s="10">
        <v>41158</v>
      </c>
    </row>
    <row r="557" spans="1:8" ht="13.15" customHeight="1" x14ac:dyDescent="0.15">
      <c r="A557" s="6">
        <v>556</v>
      </c>
      <c r="B557" s="6" t="s">
        <v>1315</v>
      </c>
      <c r="C557" s="6" t="s">
        <v>1316</v>
      </c>
      <c r="D557" s="6" t="s">
        <v>2597</v>
      </c>
      <c r="E557" s="6"/>
      <c r="F557" s="6"/>
      <c r="G557" s="9" t="s">
        <v>671</v>
      </c>
      <c r="H557" s="10">
        <v>41163</v>
      </c>
    </row>
    <row r="558" spans="1:8" ht="13.15" customHeight="1" x14ac:dyDescent="0.15">
      <c r="A558" s="6">
        <v>557</v>
      </c>
      <c r="B558" s="6" t="s">
        <v>1321</v>
      </c>
      <c r="C558" s="6" t="s">
        <v>1322</v>
      </c>
      <c r="D558" s="6" t="s">
        <v>1323</v>
      </c>
      <c r="E558" s="6" t="s">
        <v>2713</v>
      </c>
      <c r="F558" s="6" t="s">
        <v>1129</v>
      </c>
      <c r="G558" s="9" t="s">
        <v>929</v>
      </c>
      <c r="H558" s="10">
        <v>41183</v>
      </c>
    </row>
    <row r="559" spans="1:8" ht="13.15" customHeight="1" x14ac:dyDescent="0.15">
      <c r="A559" s="6">
        <v>558</v>
      </c>
      <c r="B559" s="6" t="s">
        <v>1324</v>
      </c>
      <c r="C559" s="6" t="s">
        <v>1325</v>
      </c>
      <c r="D559" s="6"/>
      <c r="E559" s="6" t="s">
        <v>2748</v>
      </c>
      <c r="F559" s="6" t="s">
        <v>1326</v>
      </c>
      <c r="G559" s="9" t="s">
        <v>1327</v>
      </c>
      <c r="H559" s="10">
        <v>41205</v>
      </c>
    </row>
    <row r="560" spans="1:8" ht="13.15" customHeight="1" x14ac:dyDescent="0.15">
      <c r="A560" s="6">
        <v>559</v>
      </c>
      <c r="B560" s="6" t="s">
        <v>1331</v>
      </c>
      <c r="C560" s="6" t="s">
        <v>1332</v>
      </c>
      <c r="D560" s="6"/>
      <c r="E560" s="6"/>
      <c r="F560" s="6"/>
      <c r="G560" s="9" t="s">
        <v>1333</v>
      </c>
      <c r="H560" s="10">
        <v>41208</v>
      </c>
    </row>
    <row r="561" spans="1:8" ht="13.15" customHeight="1" x14ac:dyDescent="0.15">
      <c r="A561" s="6">
        <v>560</v>
      </c>
      <c r="B561" s="6" t="s">
        <v>1328</v>
      </c>
      <c r="C561" s="6" t="s">
        <v>1329</v>
      </c>
      <c r="D561" s="6"/>
      <c r="E561" s="6"/>
      <c r="F561" s="6"/>
      <c r="G561" s="9" t="s">
        <v>1330</v>
      </c>
      <c r="H561" s="10">
        <v>41215</v>
      </c>
    </row>
    <row r="562" spans="1:8" ht="13.15" customHeight="1" x14ac:dyDescent="0.15">
      <c r="A562" s="6">
        <v>561</v>
      </c>
      <c r="B562" s="6" t="s">
        <v>1334</v>
      </c>
      <c r="C562" s="6" t="s">
        <v>1335</v>
      </c>
      <c r="D562" s="6"/>
      <c r="E562" s="6"/>
      <c r="F562" s="6"/>
      <c r="G562" s="9" t="s">
        <v>119</v>
      </c>
      <c r="H562" s="10">
        <v>41236</v>
      </c>
    </row>
    <row r="563" spans="1:8" ht="13.15" customHeight="1" x14ac:dyDescent="0.15">
      <c r="A563" s="6">
        <v>562</v>
      </c>
      <c r="B563" s="6" t="s">
        <v>1336</v>
      </c>
      <c r="C563" s="6" t="s">
        <v>1337</v>
      </c>
      <c r="D563" s="6"/>
      <c r="E563" s="6"/>
      <c r="F563" s="6"/>
      <c r="G563" s="9" t="s">
        <v>1338</v>
      </c>
      <c r="H563" s="10">
        <v>41263</v>
      </c>
    </row>
    <row r="564" spans="1:8" ht="13.15" customHeight="1" x14ac:dyDescent="0.15">
      <c r="A564" s="6">
        <v>563</v>
      </c>
      <c r="B564" s="6" t="s">
        <v>1339</v>
      </c>
      <c r="C564" s="6" t="s">
        <v>1340</v>
      </c>
      <c r="D564" s="6"/>
      <c r="E564" s="6"/>
      <c r="F564" s="6"/>
      <c r="G564" s="9" t="s">
        <v>1341</v>
      </c>
      <c r="H564" s="10">
        <v>41300</v>
      </c>
    </row>
    <row r="565" spans="1:8" ht="13.15" customHeight="1" x14ac:dyDescent="0.15">
      <c r="A565" s="6">
        <v>564</v>
      </c>
      <c r="B565" s="6" t="s">
        <v>1290</v>
      </c>
      <c r="C565" s="6" t="s">
        <v>1342</v>
      </c>
      <c r="D565" s="6"/>
      <c r="E565" s="6"/>
      <c r="F565" s="6"/>
      <c r="G565" s="9" t="s">
        <v>1</v>
      </c>
      <c r="H565" s="10">
        <v>41304</v>
      </c>
    </row>
    <row r="566" spans="1:8" ht="13.15" customHeight="1" x14ac:dyDescent="0.15">
      <c r="A566" s="6">
        <v>565</v>
      </c>
      <c r="B566" s="6" t="s">
        <v>1343</v>
      </c>
      <c r="C566" s="6" t="s">
        <v>1344</v>
      </c>
      <c r="D566" s="6"/>
      <c r="E566" s="6"/>
      <c r="F566" s="6"/>
      <c r="G566" s="9" t="s">
        <v>1345</v>
      </c>
      <c r="H566" s="10">
        <v>41325</v>
      </c>
    </row>
    <row r="567" spans="1:8" x14ac:dyDescent="0.15">
      <c r="A567" s="6">
        <v>566</v>
      </c>
      <c r="B567" s="6" t="s">
        <v>1219</v>
      </c>
      <c r="C567" s="6" t="s">
        <v>365</v>
      </c>
      <c r="D567" s="6"/>
      <c r="E567" s="6"/>
      <c r="F567" s="6"/>
      <c r="G567" s="9" t="s">
        <v>452</v>
      </c>
      <c r="H567" s="10">
        <v>41375</v>
      </c>
    </row>
    <row r="568" spans="1:8" ht="13.15" customHeight="1" x14ac:dyDescent="0.15">
      <c r="A568" s="6">
        <v>567</v>
      </c>
      <c r="B568" s="6" t="s">
        <v>1351</v>
      </c>
      <c r="C568" s="6" t="s">
        <v>1352</v>
      </c>
      <c r="D568" s="6" t="s">
        <v>1353</v>
      </c>
      <c r="E568" s="6" t="s">
        <v>2749</v>
      </c>
      <c r="F568" s="6" t="s">
        <v>619</v>
      </c>
      <c r="G568" s="9" t="s">
        <v>1354</v>
      </c>
      <c r="H568" s="10">
        <v>41383</v>
      </c>
    </row>
    <row r="569" spans="1:8" ht="13.15" customHeight="1" x14ac:dyDescent="0.15">
      <c r="A569" s="6">
        <v>568</v>
      </c>
      <c r="B569" s="6" t="s">
        <v>1612</v>
      </c>
      <c r="C569" s="6" t="s">
        <v>1613</v>
      </c>
      <c r="D569" s="6"/>
      <c r="E569" s="6"/>
      <c r="F569" s="6"/>
      <c r="G569" s="9" t="s">
        <v>371</v>
      </c>
      <c r="H569" s="10">
        <v>41391</v>
      </c>
    </row>
    <row r="570" spans="1:8" ht="13.15" customHeight="1" x14ac:dyDescent="0.15">
      <c r="A570" s="6">
        <v>569</v>
      </c>
      <c r="B570" s="6" t="s">
        <v>1360</v>
      </c>
      <c r="C570" s="6" t="s">
        <v>1361</v>
      </c>
      <c r="D570" s="6"/>
      <c r="E570" s="6"/>
      <c r="F570" s="6"/>
      <c r="G570" s="9" t="s">
        <v>455</v>
      </c>
      <c r="H570" s="10">
        <v>41392</v>
      </c>
    </row>
    <row r="571" spans="1:8" ht="13.15" customHeight="1" x14ac:dyDescent="0.15">
      <c r="A571" s="6">
        <v>570</v>
      </c>
      <c r="B571" s="6" t="s">
        <v>1355</v>
      </c>
      <c r="C571" s="6" t="s">
        <v>1163</v>
      </c>
      <c r="D571" s="6" t="s">
        <v>1356</v>
      </c>
      <c r="E571" s="6"/>
      <c r="F571" s="6"/>
      <c r="G571" s="9" t="s">
        <v>1357</v>
      </c>
      <c r="H571" s="10">
        <v>41395</v>
      </c>
    </row>
    <row r="572" spans="1:8" ht="13.15" customHeight="1" x14ac:dyDescent="0.15">
      <c r="A572" s="6">
        <v>571</v>
      </c>
      <c r="B572" s="6" t="s">
        <v>1348</v>
      </c>
      <c r="C572" s="6" t="s">
        <v>1349</v>
      </c>
      <c r="D572" s="6"/>
      <c r="E572" s="6"/>
      <c r="F572" s="6"/>
      <c r="G572" s="9" t="s">
        <v>1350</v>
      </c>
      <c r="H572" s="10">
        <v>41402</v>
      </c>
    </row>
    <row r="573" spans="1:8" ht="13.15" customHeight="1" x14ac:dyDescent="0.15">
      <c r="A573" s="6">
        <v>572</v>
      </c>
      <c r="B573" s="6" t="s">
        <v>1358</v>
      </c>
      <c r="C573" s="6" t="s">
        <v>1359</v>
      </c>
      <c r="D573" s="6"/>
      <c r="E573" s="6"/>
      <c r="F573" s="6"/>
      <c r="G573" s="9" t="s">
        <v>1071</v>
      </c>
      <c r="H573" s="10">
        <v>41402</v>
      </c>
    </row>
    <row r="574" spans="1:8" ht="13.15" customHeight="1" x14ac:dyDescent="0.15">
      <c r="A574" s="6">
        <v>573</v>
      </c>
      <c r="B574" s="6" t="s">
        <v>1346</v>
      </c>
      <c r="C574" s="6" t="s">
        <v>1347</v>
      </c>
      <c r="D574" s="6"/>
      <c r="E574" s="6"/>
      <c r="F574" s="6"/>
      <c r="G574" s="9" t="s">
        <v>123</v>
      </c>
      <c r="H574" s="10">
        <v>41404</v>
      </c>
    </row>
    <row r="575" spans="1:8" ht="13.15" customHeight="1" x14ac:dyDescent="0.15">
      <c r="A575" s="6">
        <v>574</v>
      </c>
      <c r="B575" s="6" t="s">
        <v>1614</v>
      </c>
      <c r="C575" s="6" t="s">
        <v>1615</v>
      </c>
      <c r="D575" s="6"/>
      <c r="E575" s="6"/>
      <c r="F575" s="6"/>
      <c r="G575" s="9" t="s">
        <v>655</v>
      </c>
      <c r="H575" s="10">
        <v>41411</v>
      </c>
    </row>
    <row r="576" spans="1:8" ht="13.15" customHeight="1" x14ac:dyDescent="0.15">
      <c r="A576" s="6">
        <v>575</v>
      </c>
      <c r="B576" s="6" t="s">
        <v>2375</v>
      </c>
      <c r="C576" s="6" t="s">
        <v>1616</v>
      </c>
      <c r="D576" s="6"/>
      <c r="E576" s="6"/>
      <c r="F576" s="6"/>
      <c r="G576" s="9" t="s">
        <v>667</v>
      </c>
      <c r="H576" s="10">
        <v>41411</v>
      </c>
    </row>
    <row r="577" spans="1:8" s="7" customFormat="1" ht="13.15" customHeight="1" x14ac:dyDescent="0.15">
      <c r="A577" s="6">
        <v>576</v>
      </c>
      <c r="B577" s="6" t="s">
        <v>1617</v>
      </c>
      <c r="C577" s="6" t="s">
        <v>1618</v>
      </c>
      <c r="D577" s="6"/>
      <c r="E577" s="6" t="s">
        <v>1619</v>
      </c>
      <c r="F577" s="6" t="s">
        <v>1620</v>
      </c>
      <c r="G577" s="9" t="s">
        <v>1621</v>
      </c>
      <c r="H577" s="10">
        <v>41417</v>
      </c>
    </row>
    <row r="578" spans="1:8" ht="13.15" customHeight="1" x14ac:dyDescent="0.15">
      <c r="A578" s="6">
        <v>577</v>
      </c>
      <c r="B578" s="6" t="s">
        <v>1622</v>
      </c>
      <c r="C578" s="6" t="s">
        <v>1623</v>
      </c>
      <c r="D578" s="6"/>
      <c r="E578" s="6"/>
      <c r="F578" s="6"/>
      <c r="G578" s="9" t="s">
        <v>306</v>
      </c>
      <c r="H578" s="10">
        <v>41420</v>
      </c>
    </row>
    <row r="579" spans="1:8" ht="13.15" customHeight="1" x14ac:dyDescent="0.15">
      <c r="A579" s="6">
        <v>578</v>
      </c>
      <c r="B579" s="6" t="s">
        <v>1624</v>
      </c>
      <c r="C579" s="6" t="s">
        <v>1625</v>
      </c>
      <c r="D579" s="6"/>
      <c r="E579" s="6"/>
      <c r="F579" s="6"/>
      <c r="G579" s="9" t="s">
        <v>1626</v>
      </c>
      <c r="H579" s="10">
        <v>41434</v>
      </c>
    </row>
    <row r="580" spans="1:8" ht="13.15" customHeight="1" x14ac:dyDescent="0.15">
      <c r="A580" s="6">
        <v>579</v>
      </c>
      <c r="B580" s="6" t="s">
        <v>1627</v>
      </c>
      <c r="C580" s="6" t="s">
        <v>1291</v>
      </c>
      <c r="D580" s="6"/>
      <c r="E580" s="6"/>
      <c r="F580" s="6"/>
      <c r="G580" s="9" t="s">
        <v>1628</v>
      </c>
      <c r="H580" s="10">
        <v>41440</v>
      </c>
    </row>
    <row r="581" spans="1:8" ht="13.15" customHeight="1" x14ac:dyDescent="0.15">
      <c r="A581" s="6">
        <v>580</v>
      </c>
      <c r="B581" s="6" t="s">
        <v>1633</v>
      </c>
      <c r="C581" s="6" t="s">
        <v>870</v>
      </c>
      <c r="D581" s="6" t="s">
        <v>1634</v>
      </c>
      <c r="E581" s="6"/>
      <c r="F581" s="6"/>
      <c r="G581" s="9" t="s">
        <v>1635</v>
      </c>
      <c r="H581" s="10">
        <v>41475</v>
      </c>
    </row>
    <row r="582" spans="1:8" ht="13.15" customHeight="1" x14ac:dyDescent="0.15">
      <c r="A582" s="6">
        <v>581</v>
      </c>
      <c r="B582" s="6" t="s">
        <v>1390</v>
      </c>
      <c r="C582" s="6" t="s">
        <v>1638</v>
      </c>
      <c r="D582" s="6"/>
      <c r="E582" s="6"/>
      <c r="F582" s="6"/>
      <c r="G582" s="9" t="s">
        <v>1639</v>
      </c>
      <c r="H582" s="10">
        <v>41530</v>
      </c>
    </row>
    <row r="583" spans="1:8" ht="13.15" customHeight="1" x14ac:dyDescent="0.15">
      <c r="A583" s="6">
        <v>582</v>
      </c>
      <c r="B583" s="6" t="s">
        <v>1640</v>
      </c>
      <c r="C583" s="6" t="s">
        <v>1391</v>
      </c>
      <c r="D583" s="6" t="s">
        <v>1392</v>
      </c>
      <c r="E583" s="6"/>
      <c r="F583" s="6"/>
      <c r="G583" s="9" t="s">
        <v>195</v>
      </c>
      <c r="H583" s="10">
        <v>41536</v>
      </c>
    </row>
    <row r="584" spans="1:8" ht="13.15" customHeight="1" x14ac:dyDescent="0.15">
      <c r="A584" s="6">
        <v>583</v>
      </c>
      <c r="B584" s="6" t="s">
        <v>1028</v>
      </c>
      <c r="C584" s="6" t="s">
        <v>1029</v>
      </c>
      <c r="D584" s="6" t="s">
        <v>1641</v>
      </c>
      <c r="E584" s="6"/>
      <c r="F584" s="6"/>
      <c r="G584" s="9" t="s">
        <v>1642</v>
      </c>
      <c r="H584" s="10">
        <v>41549</v>
      </c>
    </row>
    <row r="585" spans="1:8" ht="13.15" customHeight="1" x14ac:dyDescent="0.15">
      <c r="A585" s="6">
        <v>584</v>
      </c>
      <c r="B585" s="6" t="s">
        <v>1647</v>
      </c>
      <c r="C585" s="6" t="s">
        <v>0</v>
      </c>
      <c r="D585" s="6" t="s">
        <v>1648</v>
      </c>
      <c r="E585" s="6"/>
      <c r="F585" s="6"/>
      <c r="G585" s="9" t="s">
        <v>1649</v>
      </c>
      <c r="H585" s="10">
        <v>41555</v>
      </c>
    </row>
    <row r="586" spans="1:8" ht="13.15" customHeight="1" x14ac:dyDescent="0.15">
      <c r="A586" s="6">
        <v>585</v>
      </c>
      <c r="B586" s="6" t="s">
        <v>1643</v>
      </c>
      <c r="C586" s="6" t="s">
        <v>1644</v>
      </c>
      <c r="D586" s="6" t="s">
        <v>1645</v>
      </c>
      <c r="E586" s="6"/>
      <c r="F586" s="6"/>
      <c r="G586" s="9" t="s">
        <v>1646</v>
      </c>
      <c r="H586" s="10">
        <v>41557</v>
      </c>
    </row>
    <row r="587" spans="1:8" ht="13.15" customHeight="1" x14ac:dyDescent="0.15">
      <c r="A587" s="6">
        <v>586</v>
      </c>
      <c r="B587" s="6" t="s">
        <v>1441</v>
      </c>
      <c r="C587" s="6" t="s">
        <v>1652</v>
      </c>
      <c r="D587" s="6"/>
      <c r="E587" s="6"/>
      <c r="F587" s="6"/>
      <c r="G587" s="9" t="s">
        <v>460</v>
      </c>
      <c r="H587" s="10">
        <v>41579</v>
      </c>
    </row>
    <row r="588" spans="1:8" ht="13.15" customHeight="1" x14ac:dyDescent="0.15">
      <c r="A588" s="6">
        <v>587</v>
      </c>
      <c r="B588" s="6" t="s">
        <v>1656</v>
      </c>
      <c r="C588" s="6" t="s">
        <v>1657</v>
      </c>
      <c r="D588" s="6"/>
      <c r="E588" s="6"/>
      <c r="F588" s="6"/>
      <c r="G588" s="9" t="s">
        <v>1106</v>
      </c>
      <c r="H588" s="10">
        <v>41590</v>
      </c>
    </row>
    <row r="589" spans="1:8" ht="13.15" customHeight="1" x14ac:dyDescent="0.15">
      <c r="A589" s="6">
        <v>588</v>
      </c>
      <c r="B589" s="6" t="s">
        <v>1653</v>
      </c>
      <c r="C589" s="6" t="s">
        <v>1654</v>
      </c>
      <c r="D589" s="6"/>
      <c r="E589" s="6"/>
      <c r="F589" s="6"/>
      <c r="G589" s="9" t="s">
        <v>1655</v>
      </c>
      <c r="H589" s="10">
        <v>41597</v>
      </c>
    </row>
    <row r="590" spans="1:8" ht="13.15" customHeight="1" x14ac:dyDescent="0.15">
      <c r="A590" s="6">
        <v>589</v>
      </c>
      <c r="B590" s="6" t="s">
        <v>685</v>
      </c>
      <c r="C590" s="6" t="s">
        <v>686</v>
      </c>
      <c r="D590" s="6"/>
      <c r="E590" s="6"/>
      <c r="F590" s="6"/>
      <c r="G590" s="9" t="s">
        <v>1658</v>
      </c>
      <c r="H590" s="10">
        <v>41598</v>
      </c>
    </row>
    <row r="591" spans="1:8" ht="13.15" customHeight="1" x14ac:dyDescent="0.15">
      <c r="A591" s="6">
        <v>590</v>
      </c>
      <c r="B591" s="6" t="s">
        <v>2639</v>
      </c>
      <c r="C591" s="6" t="s">
        <v>1659</v>
      </c>
      <c r="D591" s="6"/>
      <c r="E591" s="6" t="s">
        <v>2750</v>
      </c>
      <c r="F591" s="6" t="s">
        <v>2640</v>
      </c>
      <c r="G591" s="9" t="s">
        <v>1660</v>
      </c>
      <c r="H591" s="10">
        <v>41619</v>
      </c>
    </row>
    <row r="592" spans="1:8" ht="13.15" customHeight="1" x14ac:dyDescent="0.15">
      <c r="A592" s="6">
        <v>591</v>
      </c>
      <c r="B592" s="6" t="s">
        <v>1663</v>
      </c>
      <c r="C592" s="6" t="s">
        <v>1664</v>
      </c>
      <c r="D592" s="6"/>
      <c r="E592" s="6"/>
      <c r="F592" s="6"/>
      <c r="G592" s="9" t="s">
        <v>1665</v>
      </c>
      <c r="H592" s="10">
        <v>41629</v>
      </c>
    </row>
    <row r="593" spans="1:8" ht="13.15" customHeight="1" x14ac:dyDescent="0.15">
      <c r="A593" s="6">
        <v>592</v>
      </c>
      <c r="B593" s="6" t="s">
        <v>1661</v>
      </c>
      <c r="C593" s="6" t="s">
        <v>525</v>
      </c>
      <c r="D593" s="6"/>
      <c r="E593" s="6"/>
      <c r="F593" s="6"/>
      <c r="G593" s="9" t="s">
        <v>1662</v>
      </c>
      <c r="H593" s="10">
        <v>41633</v>
      </c>
    </row>
    <row r="594" spans="1:8" ht="13.15" customHeight="1" x14ac:dyDescent="0.15">
      <c r="A594" s="6">
        <v>593</v>
      </c>
      <c r="B594" s="6" t="s">
        <v>1666</v>
      </c>
      <c r="C594" s="6" t="s">
        <v>1667</v>
      </c>
      <c r="D594" s="6"/>
      <c r="E594" s="6"/>
      <c r="F594" s="6"/>
      <c r="G594" s="9" t="s">
        <v>343</v>
      </c>
      <c r="H594" s="10">
        <v>41657</v>
      </c>
    </row>
    <row r="595" spans="1:8" ht="13.15" customHeight="1" x14ac:dyDescent="0.15">
      <c r="A595" s="6">
        <v>594</v>
      </c>
      <c r="B595" s="6" t="s">
        <v>1672</v>
      </c>
      <c r="C595" s="6" t="s">
        <v>1673</v>
      </c>
      <c r="D595" s="6" t="s">
        <v>1674</v>
      </c>
      <c r="E595" s="6" t="s">
        <v>2751</v>
      </c>
      <c r="F595" s="6" t="s">
        <v>1675</v>
      </c>
      <c r="G595" s="9" t="s">
        <v>1676</v>
      </c>
      <c r="H595" s="10">
        <v>41677</v>
      </c>
    </row>
    <row r="596" spans="1:8" ht="13.15" customHeight="1" x14ac:dyDescent="0.15">
      <c r="A596" s="6">
        <v>595</v>
      </c>
      <c r="B596" s="6" t="s">
        <v>1668</v>
      </c>
      <c r="C596" s="6" t="s">
        <v>1669</v>
      </c>
      <c r="D596" s="6" t="s">
        <v>1670</v>
      </c>
      <c r="E596" s="6"/>
      <c r="F596" s="6"/>
      <c r="G596" s="9" t="s">
        <v>1671</v>
      </c>
      <c r="H596" s="10">
        <v>41681</v>
      </c>
    </row>
    <row r="597" spans="1:8" ht="13.15" customHeight="1" x14ac:dyDescent="0.15">
      <c r="A597" s="6">
        <v>596</v>
      </c>
      <c r="B597" s="6" t="s">
        <v>1677</v>
      </c>
      <c r="C597" s="6" t="s">
        <v>1678</v>
      </c>
      <c r="D597" s="6"/>
      <c r="E597" s="6"/>
      <c r="F597" s="6"/>
      <c r="G597" s="9" t="s">
        <v>1084</v>
      </c>
      <c r="H597" s="10">
        <v>41681</v>
      </c>
    </row>
    <row r="598" spans="1:8" ht="13.15" customHeight="1" x14ac:dyDescent="0.15">
      <c r="A598" s="6">
        <v>597</v>
      </c>
      <c r="B598" s="6" t="s">
        <v>1679</v>
      </c>
      <c r="C598" s="6" t="s">
        <v>1413</v>
      </c>
      <c r="D598" s="6" t="s">
        <v>1680</v>
      </c>
      <c r="E598" s="6" t="s">
        <v>2752</v>
      </c>
      <c r="F598" s="6" t="s">
        <v>1681</v>
      </c>
      <c r="G598" s="9" t="s">
        <v>1682</v>
      </c>
      <c r="H598" s="10">
        <v>41702</v>
      </c>
    </row>
    <row r="599" spans="1:8" ht="13.15" customHeight="1" x14ac:dyDescent="0.15">
      <c r="A599" s="6">
        <v>598</v>
      </c>
      <c r="B599" s="6" t="s">
        <v>1683</v>
      </c>
      <c r="C599" s="6" t="s">
        <v>708</v>
      </c>
      <c r="D599" s="6"/>
      <c r="E599" s="6"/>
      <c r="F599" s="6"/>
      <c r="G599" s="9" t="s">
        <v>21</v>
      </c>
      <c r="H599" s="10">
        <v>41710</v>
      </c>
    </row>
    <row r="600" spans="1:8" ht="13.15" customHeight="1" x14ac:dyDescent="0.15">
      <c r="A600" s="6">
        <v>599</v>
      </c>
      <c r="B600" s="6" t="s">
        <v>1744</v>
      </c>
      <c r="C600" s="6" t="s">
        <v>1440</v>
      </c>
      <c r="D600" s="6"/>
      <c r="E600" s="6"/>
      <c r="F600" s="6"/>
      <c r="G600" s="9" t="s">
        <v>1745</v>
      </c>
      <c r="H600" s="10">
        <v>41733</v>
      </c>
    </row>
    <row r="601" spans="1:8" ht="13.15" customHeight="1" x14ac:dyDescent="0.15">
      <c r="A601" s="6">
        <v>600</v>
      </c>
      <c r="B601" s="6" t="s">
        <v>1746</v>
      </c>
      <c r="C601" s="6" t="s">
        <v>2450</v>
      </c>
      <c r="D601" s="6"/>
      <c r="E601" s="6"/>
      <c r="F601" s="6"/>
      <c r="G601" s="9" t="s">
        <v>658</v>
      </c>
      <c r="H601" s="10">
        <v>41752</v>
      </c>
    </row>
    <row r="602" spans="1:8" ht="13.15" customHeight="1" x14ac:dyDescent="0.15">
      <c r="A602" s="6">
        <v>601</v>
      </c>
      <c r="B602" s="6" t="s">
        <v>1747</v>
      </c>
      <c r="C602" s="6" t="s">
        <v>1748</v>
      </c>
      <c r="D602" s="6"/>
      <c r="E602" s="6"/>
      <c r="F602" s="6"/>
      <c r="G602" s="9" t="s">
        <v>236</v>
      </c>
      <c r="H602" s="10">
        <v>41753</v>
      </c>
    </row>
    <row r="603" spans="1:8" ht="13.15" customHeight="1" x14ac:dyDescent="0.15">
      <c r="A603" s="6">
        <v>602</v>
      </c>
      <c r="B603" s="6" t="s">
        <v>1561</v>
      </c>
      <c r="C603" s="6" t="s">
        <v>1749</v>
      </c>
      <c r="D603" s="6"/>
      <c r="E603" s="6"/>
      <c r="F603" s="6"/>
      <c r="G603" s="9" t="s">
        <v>1750</v>
      </c>
      <c r="H603" s="10">
        <v>41773</v>
      </c>
    </row>
    <row r="604" spans="1:8" ht="13.15" customHeight="1" x14ac:dyDescent="0.15">
      <c r="A604" s="6">
        <v>603</v>
      </c>
      <c r="B604" s="6" t="s">
        <v>1751</v>
      </c>
      <c r="C604" s="6" t="s">
        <v>2411</v>
      </c>
      <c r="D604" s="6"/>
      <c r="E604" s="6"/>
      <c r="F604" s="6"/>
      <c r="G604" s="9" t="s">
        <v>1752</v>
      </c>
      <c r="H604" s="10">
        <v>41788</v>
      </c>
    </row>
    <row r="605" spans="1:8" ht="13.15" customHeight="1" x14ac:dyDescent="0.15">
      <c r="A605" s="6">
        <v>604</v>
      </c>
      <c r="B605" s="6" t="s">
        <v>182</v>
      </c>
      <c r="C605" s="6" t="s">
        <v>1753</v>
      </c>
      <c r="D605" s="6" t="s">
        <v>1754</v>
      </c>
      <c r="E605" s="6"/>
      <c r="F605" s="6"/>
      <c r="G605" s="9" t="s">
        <v>1755</v>
      </c>
      <c r="H605" s="10">
        <v>41800</v>
      </c>
    </row>
    <row r="606" spans="1:8" ht="13.15" customHeight="1" x14ac:dyDescent="0.15">
      <c r="A606" s="6">
        <v>605</v>
      </c>
      <c r="B606" s="6" t="s">
        <v>1757</v>
      </c>
      <c r="C606" s="6" t="s">
        <v>197</v>
      </c>
      <c r="D606" s="6"/>
      <c r="E606" s="6" t="s">
        <v>2753</v>
      </c>
      <c r="F606" s="6" t="s">
        <v>804</v>
      </c>
      <c r="G606" s="9" t="s">
        <v>1759</v>
      </c>
      <c r="H606" s="10">
        <v>41841</v>
      </c>
    </row>
    <row r="607" spans="1:8" ht="13.15" customHeight="1" x14ac:dyDescent="0.15">
      <c r="A607" s="6">
        <v>606</v>
      </c>
      <c r="B607" s="6" t="s">
        <v>1761</v>
      </c>
      <c r="C607" s="6" t="s">
        <v>1762</v>
      </c>
      <c r="D607" s="6"/>
      <c r="E607" s="6" t="s">
        <v>2717</v>
      </c>
      <c r="F607" s="6" t="s">
        <v>1522</v>
      </c>
      <c r="G607" s="9" t="s">
        <v>350</v>
      </c>
      <c r="H607" s="10">
        <v>41843</v>
      </c>
    </row>
    <row r="608" spans="1:8" ht="13.15" customHeight="1" x14ac:dyDescent="0.15">
      <c r="A608" s="6">
        <v>607</v>
      </c>
      <c r="B608" s="6" t="s">
        <v>1764</v>
      </c>
      <c r="C608" s="6" t="s">
        <v>1765</v>
      </c>
      <c r="D608" s="6" t="s">
        <v>1766</v>
      </c>
      <c r="E608" s="6"/>
      <c r="F608" s="6"/>
      <c r="G608" s="9" t="s">
        <v>970</v>
      </c>
      <c r="H608" s="10">
        <v>41845</v>
      </c>
    </row>
    <row r="609" spans="1:8" ht="13.15" customHeight="1" x14ac:dyDescent="0.15">
      <c r="A609" s="6">
        <v>608</v>
      </c>
      <c r="B609" s="6" t="s">
        <v>1768</v>
      </c>
      <c r="C609" s="6" t="s">
        <v>1769</v>
      </c>
      <c r="D609" s="6"/>
      <c r="E609" s="6"/>
      <c r="F609" s="6"/>
      <c r="G609" s="9" t="s">
        <v>1771</v>
      </c>
      <c r="H609" s="10">
        <v>41846</v>
      </c>
    </row>
    <row r="610" spans="1:8" ht="13.15" customHeight="1" x14ac:dyDescent="0.15">
      <c r="A610" s="6">
        <v>609</v>
      </c>
      <c r="B610" s="6" t="s">
        <v>1774</v>
      </c>
      <c r="C610" s="6" t="s">
        <v>2415</v>
      </c>
      <c r="D610" s="6"/>
      <c r="E610" s="6"/>
      <c r="F610" s="6"/>
      <c r="G610" s="9" t="s">
        <v>398</v>
      </c>
      <c r="H610" s="10">
        <v>41852</v>
      </c>
    </row>
    <row r="611" spans="1:8" ht="13.15" customHeight="1" x14ac:dyDescent="0.15">
      <c r="A611" s="6">
        <v>610</v>
      </c>
      <c r="B611" s="6" t="s">
        <v>1772</v>
      </c>
      <c r="C611" s="6" t="s">
        <v>2521</v>
      </c>
      <c r="D611" s="6"/>
      <c r="E611" s="6"/>
      <c r="F611" s="6"/>
      <c r="G611" s="9" t="s">
        <v>1047</v>
      </c>
      <c r="H611" s="10">
        <v>41856</v>
      </c>
    </row>
    <row r="612" spans="1:8" ht="13.15" customHeight="1" x14ac:dyDescent="0.15">
      <c r="A612" s="6">
        <v>611</v>
      </c>
      <c r="B612" s="6" t="s">
        <v>1776</v>
      </c>
      <c r="C612" s="6" t="s">
        <v>1777</v>
      </c>
      <c r="D612" s="6"/>
      <c r="E612" s="6"/>
      <c r="F612" s="6"/>
      <c r="G612" s="9" t="s">
        <v>324</v>
      </c>
      <c r="H612" s="10">
        <v>41868</v>
      </c>
    </row>
    <row r="613" spans="1:8" ht="13.15" customHeight="1" x14ac:dyDescent="0.15">
      <c r="A613" s="6">
        <v>612</v>
      </c>
      <c r="B613" s="6" t="s">
        <v>1289</v>
      </c>
      <c r="C613" s="6" t="s">
        <v>1778</v>
      </c>
      <c r="D613" s="6"/>
      <c r="E613" s="6"/>
      <c r="F613" s="6"/>
      <c r="G613" s="9" t="s">
        <v>1779</v>
      </c>
      <c r="H613" s="10">
        <v>41871</v>
      </c>
    </row>
    <row r="614" spans="1:8" ht="13.15" customHeight="1" x14ac:dyDescent="0.15">
      <c r="A614" s="6">
        <v>613</v>
      </c>
      <c r="B614" s="6" t="s">
        <v>347</v>
      </c>
      <c r="C614" s="6" t="s">
        <v>1780</v>
      </c>
      <c r="D614" s="6"/>
      <c r="E614" s="6"/>
      <c r="F614" s="6"/>
      <c r="G614" s="9" t="s">
        <v>1781</v>
      </c>
      <c r="H614" s="10">
        <v>41884</v>
      </c>
    </row>
    <row r="615" spans="1:8" x14ac:dyDescent="0.15">
      <c r="A615" s="6">
        <v>614</v>
      </c>
      <c r="B615" s="6" t="s">
        <v>1785</v>
      </c>
      <c r="C615" s="6" t="s">
        <v>1786</v>
      </c>
      <c r="D615" s="6" t="s">
        <v>1756</v>
      </c>
      <c r="E615" s="6"/>
      <c r="F615" s="6"/>
      <c r="G615" s="9" t="s">
        <v>1787</v>
      </c>
      <c r="H615" s="10">
        <v>41895</v>
      </c>
    </row>
    <row r="616" spans="1:8" ht="13.15" customHeight="1" x14ac:dyDescent="0.15">
      <c r="A616" s="6">
        <v>615</v>
      </c>
      <c r="B616" s="6" t="s">
        <v>2842</v>
      </c>
      <c r="C616" s="6" t="s">
        <v>1788</v>
      </c>
      <c r="D616" s="6"/>
      <c r="E616" s="6" t="s">
        <v>2740</v>
      </c>
      <c r="F616" s="6" t="s">
        <v>2632</v>
      </c>
      <c r="G616" s="9" t="s">
        <v>1789</v>
      </c>
      <c r="H616" s="10">
        <v>41904</v>
      </c>
    </row>
    <row r="617" spans="1:8" ht="13.15" customHeight="1" x14ac:dyDescent="0.15">
      <c r="A617" s="6">
        <v>616</v>
      </c>
      <c r="B617" s="6" t="s">
        <v>1782</v>
      </c>
      <c r="C617" s="6" t="s">
        <v>1783</v>
      </c>
      <c r="D617" s="6"/>
      <c r="E617" s="6"/>
      <c r="F617" s="6"/>
      <c r="G617" s="9" t="s">
        <v>1784</v>
      </c>
      <c r="H617" s="10">
        <v>41916</v>
      </c>
    </row>
    <row r="618" spans="1:8" ht="13.15" customHeight="1" x14ac:dyDescent="0.15">
      <c r="A618" s="6">
        <v>617</v>
      </c>
      <c r="B618" s="6" t="s">
        <v>1793</v>
      </c>
      <c r="C618" s="6" t="s">
        <v>1794</v>
      </c>
      <c r="D618" s="6" t="s">
        <v>1795</v>
      </c>
      <c r="E618" s="6"/>
      <c r="F618" s="6"/>
      <c r="G618" s="9" t="s">
        <v>1796</v>
      </c>
      <c r="H618" s="10">
        <v>41922</v>
      </c>
    </row>
    <row r="619" spans="1:8" ht="13.15" customHeight="1" x14ac:dyDescent="0.15">
      <c r="A619" s="6">
        <v>618</v>
      </c>
      <c r="B619" s="6" t="s">
        <v>1797</v>
      </c>
      <c r="C619" s="6" t="s">
        <v>1798</v>
      </c>
      <c r="D619" s="6"/>
      <c r="E619" s="6"/>
      <c r="F619" s="6"/>
      <c r="G619" s="9" t="s">
        <v>1799</v>
      </c>
      <c r="H619" s="10">
        <v>41928</v>
      </c>
    </row>
    <row r="620" spans="1:8" ht="12" customHeight="1" x14ac:dyDescent="0.15">
      <c r="A620" s="6">
        <v>619</v>
      </c>
      <c r="B620" s="6" t="s">
        <v>1790</v>
      </c>
      <c r="C620" s="6" t="s">
        <v>1791</v>
      </c>
      <c r="D620" s="6"/>
      <c r="E620" s="6"/>
      <c r="F620" s="6"/>
      <c r="G620" s="9" t="s">
        <v>1792</v>
      </c>
      <c r="H620" s="10">
        <v>41932</v>
      </c>
    </row>
    <row r="621" spans="1:8" ht="13.15" customHeight="1" x14ac:dyDescent="0.15">
      <c r="A621" s="6">
        <v>620</v>
      </c>
      <c r="B621" s="6" t="s">
        <v>2358</v>
      </c>
      <c r="C621" s="6" t="s">
        <v>2357</v>
      </c>
      <c r="D621" s="6" t="s">
        <v>1470</v>
      </c>
      <c r="E621" s="6" t="s">
        <v>2754</v>
      </c>
      <c r="F621" s="6" t="s">
        <v>2356</v>
      </c>
      <c r="G621" s="9" t="s">
        <v>1802</v>
      </c>
      <c r="H621" s="10">
        <v>41933</v>
      </c>
    </row>
    <row r="622" spans="1:8" ht="13.15" customHeight="1" x14ac:dyDescent="0.15">
      <c r="A622" s="6">
        <v>621</v>
      </c>
      <c r="B622" s="6" t="s">
        <v>1800</v>
      </c>
      <c r="C622" s="6" t="s">
        <v>1801</v>
      </c>
      <c r="D622" s="6"/>
      <c r="E622" s="6"/>
      <c r="F622" s="6"/>
      <c r="G622" s="9" t="s">
        <v>1057</v>
      </c>
      <c r="H622" s="10">
        <v>41944</v>
      </c>
    </row>
    <row r="623" spans="1:8" ht="13.15" customHeight="1" x14ac:dyDescent="0.15">
      <c r="A623" s="6">
        <v>622</v>
      </c>
      <c r="B623" s="6" t="s">
        <v>1803</v>
      </c>
      <c r="C623" s="6" t="s">
        <v>1804</v>
      </c>
      <c r="D623" s="6"/>
      <c r="E623" s="6"/>
      <c r="F623" s="6"/>
      <c r="G623" s="9" t="s">
        <v>1805</v>
      </c>
      <c r="H623" s="10">
        <v>41954</v>
      </c>
    </row>
    <row r="624" spans="1:8" ht="13.15" customHeight="1" x14ac:dyDescent="0.15">
      <c r="A624" s="6">
        <v>623</v>
      </c>
      <c r="B624" s="6" t="s">
        <v>1806</v>
      </c>
      <c r="C624" s="6" t="s">
        <v>1807</v>
      </c>
      <c r="D624" s="6" t="s">
        <v>1808</v>
      </c>
      <c r="E624" s="6"/>
      <c r="F624" s="6"/>
      <c r="G624" s="9" t="s">
        <v>1809</v>
      </c>
      <c r="H624" s="10">
        <v>41968</v>
      </c>
    </row>
    <row r="625" spans="1:8" ht="13.15" customHeight="1" x14ac:dyDescent="0.15">
      <c r="A625" s="6">
        <v>624</v>
      </c>
      <c r="B625" s="6" t="s">
        <v>1811</v>
      </c>
      <c r="C625" s="6" t="s">
        <v>1812</v>
      </c>
      <c r="D625" s="6" t="s">
        <v>1813</v>
      </c>
      <c r="E625" s="6"/>
      <c r="F625" s="6"/>
      <c r="G625" s="9" t="s">
        <v>136</v>
      </c>
      <c r="H625" s="10">
        <v>42066</v>
      </c>
    </row>
    <row r="626" spans="1:8" ht="13.15" customHeight="1" x14ac:dyDescent="0.15">
      <c r="A626" s="6">
        <v>625</v>
      </c>
      <c r="B626" s="6" t="s">
        <v>1816</v>
      </c>
      <c r="C626" s="6" t="s">
        <v>1817</v>
      </c>
      <c r="D626" s="6"/>
      <c r="E626" s="6"/>
      <c r="F626" s="6"/>
      <c r="G626" s="9" t="s">
        <v>1818</v>
      </c>
      <c r="H626" s="10">
        <v>42083</v>
      </c>
    </row>
    <row r="627" spans="1:8" ht="13.15" customHeight="1" x14ac:dyDescent="0.15">
      <c r="A627" s="6">
        <v>626</v>
      </c>
      <c r="B627" s="6" t="s">
        <v>1819</v>
      </c>
      <c r="C627" s="6" t="s">
        <v>1820</v>
      </c>
      <c r="D627" s="6"/>
      <c r="E627" s="6"/>
      <c r="F627" s="6"/>
      <c r="G627" s="9" t="s">
        <v>522</v>
      </c>
      <c r="H627" s="10">
        <v>42083</v>
      </c>
    </row>
    <row r="628" spans="1:8" ht="13.15" customHeight="1" x14ac:dyDescent="0.15">
      <c r="A628" s="6">
        <v>627</v>
      </c>
      <c r="B628" s="6" t="s">
        <v>1821</v>
      </c>
      <c r="C628" s="6" t="s">
        <v>1822</v>
      </c>
      <c r="D628" s="6"/>
      <c r="E628" s="6"/>
      <c r="F628" s="6"/>
      <c r="G628" s="9" t="s">
        <v>1823</v>
      </c>
      <c r="H628" s="10">
        <v>42098</v>
      </c>
    </row>
    <row r="629" spans="1:8" ht="13.15" customHeight="1" x14ac:dyDescent="0.15">
      <c r="A629" s="6">
        <v>628</v>
      </c>
      <c r="B629" s="6" t="s">
        <v>1824</v>
      </c>
      <c r="C629" s="6" t="s">
        <v>1825</v>
      </c>
      <c r="D629" s="6"/>
      <c r="E629" s="6"/>
      <c r="F629" s="6"/>
      <c r="G629" s="9" t="s">
        <v>1826</v>
      </c>
      <c r="H629" s="10">
        <v>42098</v>
      </c>
    </row>
    <row r="630" spans="1:8" ht="13.15" customHeight="1" x14ac:dyDescent="0.15">
      <c r="A630" s="6">
        <v>629</v>
      </c>
      <c r="B630" s="6" t="s">
        <v>1827</v>
      </c>
      <c r="C630" s="6" t="s">
        <v>2519</v>
      </c>
      <c r="D630" s="6" t="s">
        <v>1828</v>
      </c>
      <c r="E630" s="6"/>
      <c r="F630" s="6"/>
      <c r="G630" s="9" t="s">
        <v>985</v>
      </c>
      <c r="H630" s="10">
        <v>42108</v>
      </c>
    </row>
    <row r="631" spans="1:8" ht="13.15" customHeight="1" x14ac:dyDescent="0.15">
      <c r="A631" s="6">
        <v>630</v>
      </c>
      <c r="B631" s="6" t="s">
        <v>1829</v>
      </c>
      <c r="C631" s="6" t="s">
        <v>1830</v>
      </c>
      <c r="D631" s="6"/>
      <c r="E631" s="6"/>
      <c r="F631" s="6"/>
      <c r="G631" s="9" t="s">
        <v>1831</v>
      </c>
      <c r="H631" s="10">
        <v>42109</v>
      </c>
    </row>
    <row r="632" spans="1:8" ht="13.15" customHeight="1" x14ac:dyDescent="0.15">
      <c r="A632" s="6">
        <v>631</v>
      </c>
      <c r="B632" s="6" t="s">
        <v>1832</v>
      </c>
      <c r="C632" s="6" t="s">
        <v>1833</v>
      </c>
      <c r="D632" s="6"/>
      <c r="E632" s="6"/>
      <c r="F632" s="6"/>
      <c r="G632" s="9" t="s">
        <v>1834</v>
      </c>
      <c r="H632" s="10">
        <v>42116</v>
      </c>
    </row>
    <row r="633" spans="1:8" ht="13.15" customHeight="1" x14ac:dyDescent="0.15">
      <c r="A633" s="6">
        <v>632</v>
      </c>
      <c r="B633" s="6" t="s">
        <v>2380</v>
      </c>
      <c r="C633" s="6" t="s">
        <v>1835</v>
      </c>
      <c r="D633" s="6"/>
      <c r="E633" s="6"/>
      <c r="F633" s="6"/>
      <c r="G633" s="9" t="s">
        <v>1836</v>
      </c>
      <c r="H633" s="10">
        <v>42127</v>
      </c>
    </row>
    <row r="634" spans="1:8" ht="13.15" customHeight="1" x14ac:dyDescent="0.15">
      <c r="A634" s="6">
        <v>633</v>
      </c>
      <c r="B634" s="6" t="s">
        <v>1842</v>
      </c>
      <c r="C634" s="6" t="s">
        <v>1843</v>
      </c>
      <c r="D634" s="6"/>
      <c r="E634" s="6" t="s">
        <v>2755</v>
      </c>
      <c r="F634" s="6" t="s">
        <v>250</v>
      </c>
      <c r="G634" s="9" t="s">
        <v>1845</v>
      </c>
      <c r="H634" s="10">
        <v>42161</v>
      </c>
    </row>
    <row r="635" spans="1:8" ht="13.15" customHeight="1" x14ac:dyDescent="0.15">
      <c r="A635" s="6">
        <v>634</v>
      </c>
      <c r="B635" s="6" t="s">
        <v>1840</v>
      </c>
      <c r="C635" s="6" t="s">
        <v>1841</v>
      </c>
      <c r="D635" s="6"/>
      <c r="E635" s="6"/>
      <c r="F635" s="6"/>
      <c r="G635" s="9" t="s">
        <v>1313</v>
      </c>
      <c r="H635" s="10">
        <v>42161</v>
      </c>
    </row>
    <row r="636" spans="1:8" ht="13.15" customHeight="1" x14ac:dyDescent="0.15">
      <c r="A636" s="6">
        <v>635</v>
      </c>
      <c r="B636" s="6" t="s">
        <v>1846</v>
      </c>
      <c r="C636" s="6" t="s">
        <v>1847</v>
      </c>
      <c r="D636" s="6"/>
      <c r="E636" s="6"/>
      <c r="F636" s="6"/>
      <c r="G636" s="9" t="s">
        <v>1848</v>
      </c>
      <c r="H636" s="10">
        <v>42171</v>
      </c>
    </row>
    <row r="637" spans="1:8" ht="13.15" customHeight="1" x14ac:dyDescent="0.15">
      <c r="A637" s="6">
        <v>636</v>
      </c>
      <c r="B637" s="6" t="s">
        <v>1837</v>
      </c>
      <c r="C637" s="6" t="s">
        <v>571</v>
      </c>
      <c r="D637" s="6"/>
      <c r="E637" s="6" t="s">
        <v>2756</v>
      </c>
      <c r="F637" s="6" t="s">
        <v>1838</v>
      </c>
      <c r="G637" s="9" t="s">
        <v>1839</v>
      </c>
      <c r="H637" s="10">
        <v>42186</v>
      </c>
    </row>
    <row r="638" spans="1:8" ht="13.15" customHeight="1" x14ac:dyDescent="0.15">
      <c r="A638" s="6">
        <v>637</v>
      </c>
      <c r="B638" s="6" t="s">
        <v>1849</v>
      </c>
      <c r="C638" s="6" t="s">
        <v>1850</v>
      </c>
      <c r="D638" s="6"/>
      <c r="E638" s="6"/>
      <c r="F638" s="6"/>
      <c r="G638" s="9" t="s">
        <v>1851</v>
      </c>
      <c r="H638" s="10">
        <v>42195</v>
      </c>
    </row>
    <row r="639" spans="1:8" ht="13.15" customHeight="1" x14ac:dyDescent="0.15">
      <c r="A639" s="6">
        <v>638</v>
      </c>
      <c r="B639" s="6" t="s">
        <v>1852</v>
      </c>
      <c r="C639" s="6" t="s">
        <v>1853</v>
      </c>
      <c r="D639" s="6"/>
      <c r="E639" s="6"/>
      <c r="F639" s="6"/>
      <c r="G639" s="9" t="s">
        <v>1854</v>
      </c>
      <c r="H639" s="10">
        <v>42203</v>
      </c>
    </row>
    <row r="640" spans="1:8" ht="13.15" customHeight="1" x14ac:dyDescent="0.15">
      <c r="A640" s="6">
        <v>639</v>
      </c>
      <c r="B640" s="6" t="s">
        <v>1389</v>
      </c>
      <c r="C640" s="6" t="s">
        <v>1855</v>
      </c>
      <c r="D640" s="6"/>
      <c r="E640" s="6"/>
      <c r="F640" s="6"/>
      <c r="G640" s="9" t="s">
        <v>1856</v>
      </c>
      <c r="H640" s="10">
        <v>42208</v>
      </c>
    </row>
    <row r="641" spans="1:8" ht="13.15" customHeight="1" x14ac:dyDescent="0.15">
      <c r="A641" s="6">
        <v>640</v>
      </c>
      <c r="B641" s="6" t="s">
        <v>339</v>
      </c>
      <c r="C641" s="6" t="s">
        <v>1377</v>
      </c>
      <c r="D641" s="6"/>
      <c r="E641" s="6"/>
      <c r="F641" s="6"/>
      <c r="G641" s="9" t="s">
        <v>1857</v>
      </c>
      <c r="H641" s="10">
        <v>42237</v>
      </c>
    </row>
    <row r="642" spans="1:8" ht="13.15" customHeight="1" x14ac:dyDescent="0.15">
      <c r="A642" s="6">
        <v>641</v>
      </c>
      <c r="B642" s="6" t="s">
        <v>1274</v>
      </c>
      <c r="C642" s="6" t="s">
        <v>340</v>
      </c>
      <c r="D642" s="6"/>
      <c r="E642" s="6"/>
      <c r="F642" s="6"/>
      <c r="G642" s="9" t="s">
        <v>1858</v>
      </c>
      <c r="H642" s="10">
        <v>42242</v>
      </c>
    </row>
    <row r="643" spans="1:8" ht="13.15" customHeight="1" x14ac:dyDescent="0.15">
      <c r="A643" s="6">
        <v>642</v>
      </c>
      <c r="B643" s="6" t="s">
        <v>1859</v>
      </c>
      <c r="C643" s="6" t="s">
        <v>1860</v>
      </c>
      <c r="D643" s="6"/>
      <c r="E643" s="6"/>
      <c r="F643" s="6"/>
      <c r="G643" s="9" t="s">
        <v>1862</v>
      </c>
      <c r="H643" s="10">
        <v>42255</v>
      </c>
    </row>
    <row r="644" spans="1:8" ht="13.15" customHeight="1" x14ac:dyDescent="0.15">
      <c r="A644" s="6">
        <v>643</v>
      </c>
      <c r="B644" s="6" t="s">
        <v>1081</v>
      </c>
      <c r="C644" s="6" t="s">
        <v>1863</v>
      </c>
      <c r="D644" s="6"/>
      <c r="E644" s="6"/>
      <c r="F644" s="6"/>
      <c r="G644" s="9" t="s">
        <v>1632</v>
      </c>
      <c r="H644" s="10">
        <v>42266</v>
      </c>
    </row>
    <row r="645" spans="1:8" ht="13.15" customHeight="1" x14ac:dyDescent="0.15">
      <c r="A645" s="6">
        <v>644</v>
      </c>
      <c r="B645" s="6" t="s">
        <v>1868</v>
      </c>
      <c r="C645" s="6" t="s">
        <v>1869</v>
      </c>
      <c r="D645" s="6" t="s">
        <v>1870</v>
      </c>
      <c r="E645" s="6" t="s">
        <v>2749</v>
      </c>
      <c r="F645" s="6" t="s">
        <v>619</v>
      </c>
      <c r="G645" s="9" t="s">
        <v>1871</v>
      </c>
      <c r="H645" s="10">
        <v>42286</v>
      </c>
    </row>
    <row r="646" spans="1:8" ht="13.15" customHeight="1" x14ac:dyDescent="0.15">
      <c r="A646" s="6">
        <v>645</v>
      </c>
      <c r="B646" s="6" t="s">
        <v>618</v>
      </c>
      <c r="C646" s="6" t="s">
        <v>1869</v>
      </c>
      <c r="D646" s="6" t="s">
        <v>1870</v>
      </c>
      <c r="E646" s="6" t="s">
        <v>2749</v>
      </c>
      <c r="F646" s="6" t="s">
        <v>619</v>
      </c>
      <c r="G646" s="9" t="s">
        <v>1461</v>
      </c>
      <c r="H646" s="10">
        <v>42286</v>
      </c>
    </row>
    <row r="647" spans="1:8" ht="13.15" customHeight="1" x14ac:dyDescent="0.15">
      <c r="A647" s="6">
        <v>646</v>
      </c>
      <c r="B647" s="6" t="s">
        <v>1865</v>
      </c>
      <c r="C647" s="6" t="s">
        <v>1866</v>
      </c>
      <c r="D647" s="6" t="s">
        <v>1867</v>
      </c>
      <c r="E647" s="6"/>
      <c r="F647" s="6"/>
      <c r="G647" s="9" t="s">
        <v>1408</v>
      </c>
      <c r="H647" s="10">
        <v>42287</v>
      </c>
    </row>
    <row r="648" spans="1:8" ht="13.15" customHeight="1" x14ac:dyDescent="0.15">
      <c r="A648" s="6">
        <v>647</v>
      </c>
      <c r="B648" s="6" t="s">
        <v>1874</v>
      </c>
      <c r="C648" s="6" t="s">
        <v>1875</v>
      </c>
      <c r="D648" s="6" t="s">
        <v>1876</v>
      </c>
      <c r="E648" s="6"/>
      <c r="F648" s="6"/>
      <c r="G648" s="9" t="s">
        <v>1877</v>
      </c>
      <c r="H648" s="10">
        <v>42293</v>
      </c>
    </row>
    <row r="649" spans="1:8" ht="13.15" customHeight="1" x14ac:dyDescent="0.15">
      <c r="A649" s="6">
        <v>648</v>
      </c>
      <c r="B649" s="6" t="s">
        <v>1878</v>
      </c>
      <c r="C649" s="6" t="s">
        <v>1879</v>
      </c>
      <c r="D649" s="6"/>
      <c r="E649" s="6"/>
      <c r="F649" s="6"/>
      <c r="G649" s="9" t="s">
        <v>1880</v>
      </c>
      <c r="H649" s="10">
        <v>42298</v>
      </c>
    </row>
    <row r="650" spans="1:8" ht="13.15" customHeight="1" x14ac:dyDescent="0.15">
      <c r="A650" s="6">
        <v>649</v>
      </c>
      <c r="B650" s="6" t="s">
        <v>1872</v>
      </c>
      <c r="C650" s="6" t="s">
        <v>2376</v>
      </c>
      <c r="D650" s="6"/>
      <c r="E650" s="6"/>
      <c r="F650" s="6"/>
      <c r="G650" s="9" t="s">
        <v>1873</v>
      </c>
      <c r="H650" s="10">
        <v>42304</v>
      </c>
    </row>
    <row r="651" spans="1:8" ht="13.15" customHeight="1" x14ac:dyDescent="0.15">
      <c r="A651" s="6">
        <v>650</v>
      </c>
      <c r="B651" s="6" t="s">
        <v>1881</v>
      </c>
      <c r="C651" s="6" t="s">
        <v>1882</v>
      </c>
      <c r="D651" s="6"/>
      <c r="E651" s="6"/>
      <c r="F651" s="6"/>
      <c r="G651" s="9" t="s">
        <v>1883</v>
      </c>
      <c r="H651" s="10">
        <v>42308</v>
      </c>
    </row>
    <row r="652" spans="1:8" ht="13.15" customHeight="1" x14ac:dyDescent="0.15">
      <c r="A652" s="6">
        <v>651</v>
      </c>
      <c r="B652" s="6" t="s">
        <v>1884</v>
      </c>
      <c r="C652" s="6" t="s">
        <v>1559</v>
      </c>
      <c r="D652" s="6"/>
      <c r="E652" s="6" t="s">
        <v>1885</v>
      </c>
      <c r="F652" s="6" t="s">
        <v>1560</v>
      </c>
      <c r="G652" s="9" t="s">
        <v>1886</v>
      </c>
      <c r="H652" s="10">
        <v>42313</v>
      </c>
    </row>
    <row r="653" spans="1:8" ht="13.15" customHeight="1" x14ac:dyDescent="0.15">
      <c r="A653" s="6">
        <v>652</v>
      </c>
      <c r="B653" s="6" t="s">
        <v>1887</v>
      </c>
      <c r="C653" s="6" t="s">
        <v>1888</v>
      </c>
      <c r="D653" s="6"/>
      <c r="E653" s="6"/>
      <c r="F653" s="6"/>
      <c r="G653" s="9" t="s">
        <v>1889</v>
      </c>
      <c r="H653" s="10">
        <v>42324</v>
      </c>
    </row>
    <row r="654" spans="1:8" ht="13.15" customHeight="1" x14ac:dyDescent="0.15">
      <c r="A654" s="6">
        <v>653</v>
      </c>
      <c r="B654" s="6" t="s">
        <v>1890</v>
      </c>
      <c r="C654" s="6" t="s">
        <v>1891</v>
      </c>
      <c r="D654" s="6"/>
      <c r="E654" s="6" t="s">
        <v>1892</v>
      </c>
      <c r="F654" s="6" t="s">
        <v>1893</v>
      </c>
      <c r="G654" s="9" t="s">
        <v>1894</v>
      </c>
      <c r="H654" s="10">
        <v>42327</v>
      </c>
    </row>
    <row r="655" spans="1:8" ht="13.15" customHeight="1" x14ac:dyDescent="0.15">
      <c r="A655" s="6">
        <v>654</v>
      </c>
      <c r="B655" s="6" t="s">
        <v>2404</v>
      </c>
      <c r="C655" s="6" t="s">
        <v>497</v>
      </c>
      <c r="D655" s="6"/>
      <c r="E655" s="6" t="s">
        <v>2757</v>
      </c>
      <c r="F655" s="6" t="s">
        <v>1715</v>
      </c>
      <c r="G655" s="9" t="s">
        <v>1895</v>
      </c>
      <c r="H655" s="10">
        <v>42339</v>
      </c>
    </row>
    <row r="656" spans="1:8" ht="13.15" customHeight="1" x14ac:dyDescent="0.15">
      <c r="A656" s="6">
        <v>655</v>
      </c>
      <c r="B656" s="6" t="s">
        <v>1896</v>
      </c>
      <c r="C656" s="6" t="s">
        <v>1897</v>
      </c>
      <c r="D656" s="6"/>
      <c r="E656" s="6" t="s">
        <v>2758</v>
      </c>
      <c r="F656" s="6" t="s">
        <v>1898</v>
      </c>
      <c r="G656" s="9" t="s">
        <v>1899</v>
      </c>
      <c r="H656" s="10">
        <v>42339</v>
      </c>
    </row>
    <row r="657" spans="1:8" ht="13.15" customHeight="1" x14ac:dyDescent="0.15">
      <c r="A657" s="6">
        <v>656</v>
      </c>
      <c r="B657" s="6" t="s">
        <v>1900</v>
      </c>
      <c r="C657" s="6" t="s">
        <v>1901</v>
      </c>
      <c r="D657" s="6"/>
      <c r="E657" s="6"/>
      <c r="F657" s="6"/>
      <c r="G657" s="9" t="s">
        <v>1902</v>
      </c>
      <c r="H657" s="10">
        <v>42364</v>
      </c>
    </row>
    <row r="658" spans="1:8" ht="13.15" customHeight="1" x14ac:dyDescent="0.15">
      <c r="A658" s="6">
        <v>657</v>
      </c>
      <c r="B658" s="6" t="s">
        <v>1903</v>
      </c>
      <c r="C658" s="6" t="s">
        <v>1904</v>
      </c>
      <c r="D658" s="6"/>
      <c r="E658" s="6"/>
      <c r="F658" s="6"/>
      <c r="G658" s="9" t="s">
        <v>1905</v>
      </c>
      <c r="H658" s="10">
        <v>42377</v>
      </c>
    </row>
    <row r="659" spans="1:8" ht="13.15" customHeight="1" x14ac:dyDescent="0.15">
      <c r="A659" s="6">
        <v>658</v>
      </c>
      <c r="B659" s="6" t="s">
        <v>1144</v>
      </c>
      <c r="C659" s="6" t="s">
        <v>1906</v>
      </c>
      <c r="D659" s="6"/>
      <c r="E659" s="6"/>
      <c r="F659" s="6"/>
      <c r="G659" s="9" t="s">
        <v>1545</v>
      </c>
      <c r="H659" s="10">
        <v>42402</v>
      </c>
    </row>
    <row r="660" spans="1:8" ht="13.15" customHeight="1" x14ac:dyDescent="0.15">
      <c r="A660" s="6">
        <v>659</v>
      </c>
      <c r="B660" s="6" t="s">
        <v>1911</v>
      </c>
      <c r="C660" s="6" t="s">
        <v>1912</v>
      </c>
      <c r="D660" s="6"/>
      <c r="E660" s="6"/>
      <c r="F660" s="6"/>
      <c r="G660" s="9" t="s">
        <v>1913</v>
      </c>
      <c r="H660" s="10">
        <v>42420</v>
      </c>
    </row>
    <row r="661" spans="1:8" ht="13.15" customHeight="1" x14ac:dyDescent="0.15">
      <c r="A661" s="6">
        <v>660</v>
      </c>
      <c r="B661" s="6" t="s">
        <v>1914</v>
      </c>
      <c r="C661" s="6" t="s">
        <v>1915</v>
      </c>
      <c r="D661" s="6"/>
      <c r="E661" s="6"/>
      <c r="F661" s="6"/>
      <c r="G661" s="9" t="s">
        <v>1916</v>
      </c>
      <c r="H661" s="10">
        <v>42424</v>
      </c>
    </row>
    <row r="662" spans="1:8" ht="13.15" customHeight="1" x14ac:dyDescent="0.15">
      <c r="A662" s="6">
        <v>661</v>
      </c>
      <c r="B662" s="6" t="s">
        <v>1907</v>
      </c>
      <c r="C662" s="6" t="s">
        <v>1908</v>
      </c>
      <c r="D662" s="6" t="s">
        <v>1909</v>
      </c>
      <c r="E662" s="6"/>
      <c r="F662" s="6"/>
      <c r="G662" s="9" t="s">
        <v>1910</v>
      </c>
      <c r="H662" s="10">
        <v>42430</v>
      </c>
    </row>
    <row r="663" spans="1:8" ht="13.15" customHeight="1" x14ac:dyDescent="0.15">
      <c r="A663" s="6">
        <v>662</v>
      </c>
      <c r="B663" s="6" t="s">
        <v>1917</v>
      </c>
      <c r="C663" s="6" t="s">
        <v>1918</v>
      </c>
      <c r="D663" s="6"/>
      <c r="E663" s="6"/>
      <c r="F663" s="6"/>
      <c r="G663" s="9" t="s">
        <v>1919</v>
      </c>
      <c r="H663" s="10">
        <v>42443</v>
      </c>
    </row>
    <row r="664" spans="1:8" ht="13.15" customHeight="1" x14ac:dyDescent="0.15">
      <c r="A664" s="6">
        <v>663</v>
      </c>
      <c r="B664" s="6" t="s">
        <v>1920</v>
      </c>
      <c r="C664" s="6" t="s">
        <v>1231</v>
      </c>
      <c r="D664" s="6"/>
      <c r="E664" s="6" t="s">
        <v>2759</v>
      </c>
      <c r="F664" s="6" t="s">
        <v>1232</v>
      </c>
      <c r="G664" s="9" t="s">
        <v>1921</v>
      </c>
      <c r="H664" s="10">
        <v>42453</v>
      </c>
    </row>
    <row r="665" spans="1:8" ht="13.15" customHeight="1" x14ac:dyDescent="0.15">
      <c r="A665" s="6">
        <v>664</v>
      </c>
      <c r="B665" s="6" t="s">
        <v>1924</v>
      </c>
      <c r="C665" s="6" t="s">
        <v>1925</v>
      </c>
      <c r="D665" s="6"/>
      <c r="E665" s="6"/>
      <c r="F665" s="6"/>
      <c r="G665" s="9" t="s">
        <v>1926</v>
      </c>
      <c r="H665" s="10">
        <v>42476</v>
      </c>
    </row>
    <row r="666" spans="1:8" ht="13.15" customHeight="1" x14ac:dyDescent="0.15">
      <c r="A666" s="6">
        <v>665</v>
      </c>
      <c r="B666" s="6" t="s">
        <v>1927</v>
      </c>
      <c r="C666" s="6" t="s">
        <v>1928</v>
      </c>
      <c r="D666" s="6"/>
      <c r="E666" s="6" t="s">
        <v>2753</v>
      </c>
      <c r="F666" s="6" t="s">
        <v>804</v>
      </c>
      <c r="G666" s="9" t="s">
        <v>1929</v>
      </c>
      <c r="H666" s="10">
        <v>42479</v>
      </c>
    </row>
    <row r="667" spans="1:8" ht="13.15" customHeight="1" x14ac:dyDescent="0.15">
      <c r="A667" s="6">
        <v>666</v>
      </c>
      <c r="B667" s="6" t="s">
        <v>1922</v>
      </c>
      <c r="C667" s="6" t="s">
        <v>1923</v>
      </c>
      <c r="D667" s="6"/>
      <c r="E667" s="6"/>
      <c r="F667" s="6"/>
      <c r="G667" s="9" t="s">
        <v>1921</v>
      </c>
      <c r="H667" s="10">
        <v>42485</v>
      </c>
    </row>
    <row r="668" spans="1:8" ht="13.15" customHeight="1" x14ac:dyDescent="0.15">
      <c r="A668" s="6">
        <v>667</v>
      </c>
      <c r="B668" s="6" t="s">
        <v>1930</v>
      </c>
      <c r="C668" s="6" t="s">
        <v>1931</v>
      </c>
      <c r="D668" s="6"/>
      <c r="E668" s="6"/>
      <c r="F668" s="6"/>
      <c r="G668" s="9" t="s">
        <v>1932</v>
      </c>
      <c r="H668" s="10">
        <v>42486</v>
      </c>
    </row>
    <row r="669" spans="1:8" ht="13.15" customHeight="1" x14ac:dyDescent="0.15">
      <c r="A669" s="6">
        <v>668</v>
      </c>
      <c r="B669" s="6" t="s">
        <v>1933</v>
      </c>
      <c r="C669" s="6" t="s">
        <v>1934</v>
      </c>
      <c r="D669" s="6"/>
      <c r="E669" s="6"/>
      <c r="F669" s="6"/>
      <c r="G669" s="9" t="s">
        <v>1067</v>
      </c>
      <c r="H669" s="10">
        <v>42487</v>
      </c>
    </row>
    <row r="670" spans="1:8" ht="13.15" customHeight="1" x14ac:dyDescent="0.15">
      <c r="A670" s="6">
        <v>669</v>
      </c>
      <c r="B670" s="6" t="s">
        <v>1935</v>
      </c>
      <c r="C670" s="6" t="s">
        <v>1936</v>
      </c>
      <c r="D670" s="6"/>
      <c r="E670" s="6" t="s">
        <v>2747</v>
      </c>
      <c r="F670" s="6" t="s">
        <v>1319</v>
      </c>
      <c r="G670" s="9" t="s">
        <v>1937</v>
      </c>
      <c r="H670" s="10">
        <v>42489</v>
      </c>
    </row>
    <row r="671" spans="1:8" ht="13.15" customHeight="1" x14ac:dyDescent="0.15">
      <c r="A671" s="6">
        <v>670</v>
      </c>
      <c r="B671" s="6" t="s">
        <v>1938</v>
      </c>
      <c r="C671" s="6" t="s">
        <v>295</v>
      </c>
      <c r="D671" s="6" t="s">
        <v>1939</v>
      </c>
      <c r="E671" s="6"/>
      <c r="F671" s="6"/>
      <c r="G671" s="9" t="s">
        <v>1940</v>
      </c>
      <c r="H671" s="10">
        <v>42502</v>
      </c>
    </row>
    <row r="672" spans="1:8" ht="13.15" customHeight="1" x14ac:dyDescent="0.15">
      <c r="A672" s="6">
        <v>671</v>
      </c>
      <c r="B672" s="6" t="s">
        <v>1945</v>
      </c>
      <c r="C672" s="6" t="s">
        <v>1946</v>
      </c>
      <c r="D672" s="6"/>
      <c r="E672" s="6"/>
      <c r="F672" s="6"/>
      <c r="G672" s="9" t="s">
        <v>1947</v>
      </c>
      <c r="H672" s="10">
        <v>42517</v>
      </c>
    </row>
    <row r="673" spans="1:8" ht="13.15" customHeight="1" x14ac:dyDescent="0.15">
      <c r="A673" s="6">
        <v>672</v>
      </c>
      <c r="B673" s="6" t="s">
        <v>1941</v>
      </c>
      <c r="C673" s="6" t="s">
        <v>1942</v>
      </c>
      <c r="D673" s="6"/>
      <c r="E673" s="6" t="s">
        <v>2718</v>
      </c>
      <c r="F673" s="6" t="s">
        <v>1943</v>
      </c>
      <c r="G673" s="9" t="s">
        <v>1944</v>
      </c>
      <c r="H673" s="10">
        <v>42528</v>
      </c>
    </row>
    <row r="674" spans="1:8" ht="13.15" customHeight="1" x14ac:dyDescent="0.15">
      <c r="A674" s="6">
        <v>673</v>
      </c>
      <c r="B674" s="6" t="s">
        <v>1948</v>
      </c>
      <c r="C674" s="6" t="s">
        <v>1949</v>
      </c>
      <c r="D674" s="6" t="s">
        <v>1950</v>
      </c>
      <c r="E674" s="6"/>
      <c r="F674" s="6"/>
      <c r="G674" s="9" t="s">
        <v>1951</v>
      </c>
      <c r="H674" s="10">
        <v>42532</v>
      </c>
    </row>
    <row r="675" spans="1:8" ht="13.15" customHeight="1" x14ac:dyDescent="0.15">
      <c r="A675" s="6">
        <v>674</v>
      </c>
      <c r="B675" s="6" t="s">
        <v>1952</v>
      </c>
      <c r="C675" s="6" t="s">
        <v>1953</v>
      </c>
      <c r="D675" s="6" t="s">
        <v>1954</v>
      </c>
      <c r="E675" s="6"/>
      <c r="F675" s="6"/>
      <c r="G675" s="9" t="s">
        <v>1410</v>
      </c>
      <c r="H675" s="10">
        <v>42544</v>
      </c>
    </row>
    <row r="676" spans="1:8" ht="13.15" customHeight="1" x14ac:dyDescent="0.15">
      <c r="A676" s="6">
        <v>675</v>
      </c>
      <c r="B676" s="6" t="s">
        <v>1955</v>
      </c>
      <c r="C676" s="6" t="s">
        <v>1956</v>
      </c>
      <c r="D676" s="6" t="s">
        <v>1957</v>
      </c>
      <c r="E676" s="6"/>
      <c r="F676" s="6"/>
      <c r="G676" s="9" t="s">
        <v>1958</v>
      </c>
      <c r="H676" s="10">
        <v>42562</v>
      </c>
    </row>
    <row r="677" spans="1:8" ht="13.15" customHeight="1" x14ac:dyDescent="0.15">
      <c r="A677" s="6">
        <v>676</v>
      </c>
      <c r="B677" s="6" t="s">
        <v>1959</v>
      </c>
      <c r="C677" s="6" t="s">
        <v>1960</v>
      </c>
      <c r="D677" s="6"/>
      <c r="E677" s="6"/>
      <c r="F677" s="6"/>
      <c r="G677" s="9" t="s">
        <v>1962</v>
      </c>
      <c r="H677" s="10">
        <v>42585</v>
      </c>
    </row>
    <row r="678" spans="1:8" ht="13.15" customHeight="1" x14ac:dyDescent="0.15">
      <c r="A678" s="6">
        <v>677</v>
      </c>
      <c r="B678" s="6" t="s">
        <v>1963</v>
      </c>
      <c r="C678" s="6" t="s">
        <v>1964</v>
      </c>
      <c r="D678" s="6"/>
      <c r="E678" s="6"/>
      <c r="F678" s="6"/>
      <c r="G678" s="9" t="s">
        <v>988</v>
      </c>
      <c r="H678" s="10">
        <v>42614</v>
      </c>
    </row>
    <row r="679" spans="1:8" ht="13.15" customHeight="1" x14ac:dyDescent="0.15">
      <c r="A679" s="6">
        <v>678</v>
      </c>
      <c r="B679" s="6" t="s">
        <v>121</v>
      </c>
      <c r="C679" s="6" t="s">
        <v>1972</v>
      </c>
      <c r="D679" s="6"/>
      <c r="E679" s="6"/>
      <c r="F679" s="6"/>
      <c r="G679" s="9" t="s">
        <v>1973</v>
      </c>
      <c r="H679" s="10">
        <v>42625</v>
      </c>
    </row>
    <row r="680" spans="1:8" ht="13.15" customHeight="1" x14ac:dyDescent="0.15">
      <c r="A680" s="6">
        <v>679</v>
      </c>
      <c r="B680" s="6" t="s">
        <v>910</v>
      </c>
      <c r="C680" s="6" t="s">
        <v>911</v>
      </c>
      <c r="D680" s="6"/>
      <c r="E680" s="6"/>
      <c r="F680" s="6"/>
      <c r="G680" s="9" t="s">
        <v>1974</v>
      </c>
      <c r="H680" s="10">
        <v>42628</v>
      </c>
    </row>
    <row r="681" spans="1:8" ht="13.15" customHeight="1" x14ac:dyDescent="0.15">
      <c r="A681" s="6">
        <v>680</v>
      </c>
      <c r="B681" s="6" t="s">
        <v>1968</v>
      </c>
      <c r="C681" s="6" t="s">
        <v>1969</v>
      </c>
      <c r="D681" s="6" t="s">
        <v>1970</v>
      </c>
      <c r="E681" s="6"/>
      <c r="F681" s="6"/>
      <c r="G681" s="9" t="s">
        <v>1971</v>
      </c>
      <c r="H681" s="10">
        <v>42636</v>
      </c>
    </row>
    <row r="682" spans="1:8" ht="13.15" customHeight="1" x14ac:dyDescent="0.15">
      <c r="A682" s="6">
        <v>681</v>
      </c>
      <c r="B682" s="6" t="s">
        <v>1965</v>
      </c>
      <c r="C682" s="6" t="s">
        <v>1966</v>
      </c>
      <c r="D682" s="6"/>
      <c r="E682" s="6"/>
      <c r="F682" s="6"/>
      <c r="G682" s="9" t="s">
        <v>1967</v>
      </c>
      <c r="H682" s="10">
        <v>42645</v>
      </c>
    </row>
    <row r="683" spans="1:8" ht="13.15" customHeight="1" x14ac:dyDescent="0.15">
      <c r="A683" s="6">
        <v>682</v>
      </c>
      <c r="B683" s="6" t="s">
        <v>1976</v>
      </c>
      <c r="C683" s="6" t="s">
        <v>1977</v>
      </c>
      <c r="D683" s="6"/>
      <c r="E683" s="6"/>
      <c r="F683" s="6"/>
      <c r="G683" s="9" t="s">
        <v>1978</v>
      </c>
      <c r="H683" s="10">
        <v>42647</v>
      </c>
    </row>
    <row r="684" spans="1:8" ht="13.15" customHeight="1" x14ac:dyDescent="0.15">
      <c r="A684" s="6">
        <v>683</v>
      </c>
      <c r="B684" s="6" t="s">
        <v>1122</v>
      </c>
      <c r="C684" s="6" t="s">
        <v>1975</v>
      </c>
      <c r="D684" s="6"/>
      <c r="E684" s="6"/>
      <c r="F684" s="6"/>
      <c r="G684" s="9" t="s">
        <v>427</v>
      </c>
      <c r="H684" s="10">
        <v>42658</v>
      </c>
    </row>
    <row r="685" spans="1:8" ht="13.15" customHeight="1" x14ac:dyDescent="0.15">
      <c r="A685" s="6">
        <v>684</v>
      </c>
      <c r="B685" s="6" t="s">
        <v>1979</v>
      </c>
      <c r="C685" s="6" t="s">
        <v>1980</v>
      </c>
      <c r="D685" s="6"/>
      <c r="E685" s="6"/>
      <c r="F685" s="6"/>
      <c r="G685" s="9" t="s">
        <v>1981</v>
      </c>
      <c r="H685" s="10">
        <v>42664</v>
      </c>
    </row>
    <row r="686" spans="1:8" ht="13.15" customHeight="1" x14ac:dyDescent="0.15">
      <c r="A686" s="6">
        <v>685</v>
      </c>
      <c r="B686" s="6" t="s">
        <v>1982</v>
      </c>
      <c r="C686" s="6" t="s">
        <v>1983</v>
      </c>
      <c r="D686" s="6" t="s">
        <v>1984</v>
      </c>
      <c r="E686" s="6"/>
      <c r="F686" s="6"/>
      <c r="G686" s="9" t="s">
        <v>1985</v>
      </c>
      <c r="H686" s="10">
        <v>42687</v>
      </c>
    </row>
    <row r="687" spans="1:8" ht="13.15" customHeight="1" x14ac:dyDescent="0.15">
      <c r="A687" s="6">
        <v>686</v>
      </c>
      <c r="B687" s="6" t="s">
        <v>1986</v>
      </c>
      <c r="C687" s="6" t="s">
        <v>1987</v>
      </c>
      <c r="D687" s="6"/>
      <c r="E687" s="6"/>
      <c r="F687" s="6"/>
      <c r="G687" s="9" t="s">
        <v>1988</v>
      </c>
      <c r="H687" s="10">
        <v>42693</v>
      </c>
    </row>
    <row r="688" spans="1:8" ht="13.15" customHeight="1" x14ac:dyDescent="0.15">
      <c r="A688" s="6">
        <v>687</v>
      </c>
      <c r="B688" s="6" t="s">
        <v>1991</v>
      </c>
      <c r="C688" s="6" t="s">
        <v>1544</v>
      </c>
      <c r="D688" s="6"/>
      <c r="E688" s="6"/>
      <c r="F688" s="6"/>
      <c r="G688" s="9" t="s">
        <v>1548</v>
      </c>
      <c r="H688" s="10">
        <v>42705</v>
      </c>
    </row>
    <row r="689" spans="1:8" ht="13.15" customHeight="1" x14ac:dyDescent="0.15">
      <c r="A689" s="6">
        <v>688</v>
      </c>
      <c r="B689" s="6" t="s">
        <v>1992</v>
      </c>
      <c r="C689" s="6" t="s">
        <v>1204</v>
      </c>
      <c r="D689" s="6" t="s">
        <v>1993</v>
      </c>
      <c r="E689" s="6"/>
      <c r="F689" s="6"/>
      <c r="G689" s="9" t="s">
        <v>4</v>
      </c>
      <c r="H689" s="10">
        <v>42705</v>
      </c>
    </row>
    <row r="690" spans="1:8" ht="13.15" customHeight="1" x14ac:dyDescent="0.15">
      <c r="A690" s="6">
        <v>689</v>
      </c>
      <c r="B690" s="6" t="s">
        <v>1997</v>
      </c>
      <c r="C690" s="6" t="s">
        <v>1998</v>
      </c>
      <c r="D690" s="6"/>
      <c r="E690" s="6"/>
      <c r="F690" s="6"/>
      <c r="G690" s="9" t="s">
        <v>1999</v>
      </c>
      <c r="H690" s="10">
        <v>42740</v>
      </c>
    </row>
    <row r="691" spans="1:8" ht="13.15" customHeight="1" x14ac:dyDescent="0.15">
      <c r="A691" s="6">
        <v>690</v>
      </c>
      <c r="B691" s="6" t="s">
        <v>2000</v>
      </c>
      <c r="C691" s="6" t="s">
        <v>2001</v>
      </c>
      <c r="D691" s="6"/>
      <c r="E691" s="6"/>
      <c r="F691" s="6"/>
      <c r="G691" s="9" t="s">
        <v>824</v>
      </c>
      <c r="H691" s="10">
        <v>42767</v>
      </c>
    </row>
    <row r="692" spans="1:8" ht="13.15" customHeight="1" x14ac:dyDescent="0.15">
      <c r="A692" s="6">
        <v>691</v>
      </c>
      <c r="B692" s="6" t="s">
        <v>2005</v>
      </c>
      <c r="C692" s="6" t="s">
        <v>2006</v>
      </c>
      <c r="D692" s="6" t="s">
        <v>2007</v>
      </c>
      <c r="E692" s="6" t="s">
        <v>2761</v>
      </c>
      <c r="F692" s="6" t="s">
        <v>2008</v>
      </c>
      <c r="G692" s="9" t="s">
        <v>2009</v>
      </c>
      <c r="H692" s="10">
        <v>42771</v>
      </c>
    </row>
    <row r="693" spans="1:8" ht="13.15" customHeight="1" x14ac:dyDescent="0.15">
      <c r="A693" s="6">
        <v>692</v>
      </c>
      <c r="B693" s="6" t="s">
        <v>2010</v>
      </c>
      <c r="C693" s="6" t="s">
        <v>2011</v>
      </c>
      <c r="D693" s="6" t="s">
        <v>2012</v>
      </c>
      <c r="E693" s="6"/>
      <c r="F693" s="6"/>
      <c r="G693" s="9" t="s">
        <v>376</v>
      </c>
      <c r="H693" s="10">
        <v>42771</v>
      </c>
    </row>
    <row r="694" spans="1:8" ht="13.15" customHeight="1" x14ac:dyDescent="0.15">
      <c r="A694" s="6">
        <v>693</v>
      </c>
      <c r="B694" s="6" t="s">
        <v>2002</v>
      </c>
      <c r="C694" s="6" t="s">
        <v>2003</v>
      </c>
      <c r="D694" s="6"/>
      <c r="E694" s="6"/>
      <c r="F694" s="6"/>
      <c r="G694" s="9" t="s">
        <v>2004</v>
      </c>
      <c r="H694" s="10">
        <v>42776</v>
      </c>
    </row>
    <row r="695" spans="1:8" ht="13.15" customHeight="1" x14ac:dyDescent="0.15">
      <c r="A695" s="6">
        <v>694</v>
      </c>
      <c r="B695" s="6" t="s">
        <v>2014</v>
      </c>
      <c r="C695" s="6" t="s">
        <v>2015</v>
      </c>
      <c r="D695" s="6"/>
      <c r="E695" s="6" t="s">
        <v>2762</v>
      </c>
      <c r="F695" s="6" t="s">
        <v>1373</v>
      </c>
      <c r="G695" s="9" t="s">
        <v>2016</v>
      </c>
      <c r="H695" s="10">
        <v>42795</v>
      </c>
    </row>
    <row r="696" spans="1:8" ht="13.15" customHeight="1" x14ac:dyDescent="0.15">
      <c r="A696" s="6">
        <v>695</v>
      </c>
      <c r="B696" s="6" t="s">
        <v>1994</v>
      </c>
      <c r="C696" s="6" t="s">
        <v>1995</v>
      </c>
      <c r="D696" s="6"/>
      <c r="E696" s="6"/>
      <c r="F696" s="6"/>
      <c r="G696" s="9" t="s">
        <v>1996</v>
      </c>
      <c r="H696" s="10">
        <v>42801</v>
      </c>
    </row>
    <row r="697" spans="1:8" ht="13.15" customHeight="1" x14ac:dyDescent="0.15">
      <c r="A697" s="6">
        <v>696</v>
      </c>
      <c r="B697" s="6" t="s">
        <v>2017</v>
      </c>
      <c r="C697" s="6" t="s">
        <v>2018</v>
      </c>
      <c r="D697" s="6" t="s">
        <v>2019</v>
      </c>
      <c r="E697" s="6"/>
      <c r="F697" s="6"/>
      <c r="G697" s="9" t="s">
        <v>2020</v>
      </c>
      <c r="H697" s="10">
        <v>42813</v>
      </c>
    </row>
    <row r="698" spans="1:8" ht="13.15" customHeight="1" x14ac:dyDescent="0.15">
      <c r="A698" s="6">
        <v>697</v>
      </c>
      <c r="B698" s="6" t="s">
        <v>2022</v>
      </c>
      <c r="C698" s="6" t="s">
        <v>2023</v>
      </c>
      <c r="D698" s="6"/>
      <c r="E698" s="6"/>
      <c r="F698" s="6"/>
      <c r="G698" s="9" t="s">
        <v>37</v>
      </c>
      <c r="H698" s="10">
        <v>42864</v>
      </c>
    </row>
    <row r="699" spans="1:8" ht="13.15" customHeight="1" x14ac:dyDescent="0.15">
      <c r="A699" s="6">
        <v>698</v>
      </c>
      <c r="B699" s="6" t="s">
        <v>1386</v>
      </c>
      <c r="C699" s="6" t="s">
        <v>1387</v>
      </c>
      <c r="D699" s="6"/>
      <c r="E699" s="6" t="s">
        <v>2764</v>
      </c>
      <c r="F699" s="6" t="s">
        <v>1388</v>
      </c>
      <c r="G699" s="9" t="s">
        <v>2024</v>
      </c>
      <c r="H699" s="10">
        <v>42868</v>
      </c>
    </row>
    <row r="700" spans="1:8" x14ac:dyDescent="0.15">
      <c r="A700" s="6">
        <v>699</v>
      </c>
      <c r="B700" s="6" t="s">
        <v>2378</v>
      </c>
      <c r="C700" s="6" t="s">
        <v>2025</v>
      </c>
      <c r="D700" s="6"/>
      <c r="E700" s="6"/>
      <c r="F700" s="6"/>
      <c r="G700" s="9" t="s">
        <v>161</v>
      </c>
      <c r="H700" s="10">
        <v>42887</v>
      </c>
    </row>
    <row r="701" spans="1:8" ht="13.15" customHeight="1" x14ac:dyDescent="0.15">
      <c r="A701" s="6">
        <v>700</v>
      </c>
      <c r="B701" s="6" t="s">
        <v>2026</v>
      </c>
      <c r="C701" s="6" t="s">
        <v>2027</v>
      </c>
      <c r="D701" s="6"/>
      <c r="E701" s="6"/>
      <c r="F701" s="6"/>
      <c r="G701" s="9" t="s">
        <v>2028</v>
      </c>
      <c r="H701" s="10">
        <v>42893</v>
      </c>
    </row>
    <row r="702" spans="1:8" ht="13.15" customHeight="1" x14ac:dyDescent="0.15">
      <c r="A702" s="6">
        <v>701</v>
      </c>
      <c r="B702" s="6" t="s">
        <v>2029</v>
      </c>
      <c r="C702" s="6" t="s">
        <v>2030</v>
      </c>
      <c r="D702" s="6"/>
      <c r="E702" s="6"/>
      <c r="F702" s="6"/>
      <c r="G702" s="9" t="s">
        <v>2031</v>
      </c>
      <c r="H702" s="10">
        <v>42910</v>
      </c>
    </row>
    <row r="703" spans="1:8" ht="13.15" customHeight="1" x14ac:dyDescent="0.15">
      <c r="A703" s="6">
        <v>702</v>
      </c>
      <c r="B703" s="6" t="s">
        <v>2032</v>
      </c>
      <c r="C703" s="6" t="s">
        <v>1279</v>
      </c>
      <c r="D703" s="6" t="s">
        <v>2033</v>
      </c>
      <c r="E703" s="6" t="s">
        <v>2765</v>
      </c>
      <c r="F703" s="6" t="s">
        <v>2034</v>
      </c>
      <c r="G703" s="9" t="s">
        <v>2036</v>
      </c>
      <c r="H703" s="10">
        <v>42918</v>
      </c>
    </row>
    <row r="704" spans="1:8" ht="13.15" customHeight="1" x14ac:dyDescent="0.15">
      <c r="A704" s="6">
        <v>703</v>
      </c>
      <c r="B704" s="6" t="s">
        <v>2037</v>
      </c>
      <c r="C704" s="6" t="s">
        <v>2038</v>
      </c>
      <c r="D704" s="6"/>
      <c r="E704" s="6" t="s">
        <v>2766</v>
      </c>
      <c r="F704" s="6" t="s">
        <v>2039</v>
      </c>
      <c r="G704" s="9" t="s">
        <v>2041</v>
      </c>
      <c r="H704" s="10">
        <v>42936</v>
      </c>
    </row>
    <row r="705" spans="1:8" ht="13.15" customHeight="1" x14ac:dyDescent="0.15">
      <c r="A705" s="6">
        <v>704</v>
      </c>
      <c r="B705" s="6" t="s">
        <v>2042</v>
      </c>
      <c r="C705" s="6" t="s">
        <v>1236</v>
      </c>
      <c r="D705" s="6"/>
      <c r="E705" s="6"/>
      <c r="F705" s="6"/>
      <c r="G705" s="9" t="s">
        <v>335</v>
      </c>
      <c r="H705" s="10">
        <v>42945</v>
      </c>
    </row>
    <row r="706" spans="1:8" ht="13.15" customHeight="1" x14ac:dyDescent="0.15">
      <c r="A706" s="6">
        <v>705</v>
      </c>
      <c r="B706" s="6" t="s">
        <v>1501</v>
      </c>
      <c r="C706" s="6" t="s">
        <v>2043</v>
      </c>
      <c r="D706" s="6" t="s">
        <v>2044</v>
      </c>
      <c r="E706" s="6" t="s">
        <v>2767</v>
      </c>
      <c r="F706" s="6" t="s">
        <v>2045</v>
      </c>
      <c r="G706" s="9" t="s">
        <v>2047</v>
      </c>
      <c r="H706" s="10">
        <v>42945</v>
      </c>
    </row>
    <row r="707" spans="1:8" ht="13.15" customHeight="1" x14ac:dyDescent="0.15">
      <c r="A707" s="6">
        <v>706</v>
      </c>
      <c r="B707" s="6" t="s">
        <v>2048</v>
      </c>
      <c r="C707" s="6" t="s">
        <v>1108</v>
      </c>
      <c r="D707" s="6" t="s">
        <v>2049</v>
      </c>
      <c r="E707" s="6"/>
      <c r="F707" s="6"/>
      <c r="G707" s="9" t="s">
        <v>2050</v>
      </c>
      <c r="H707" s="10">
        <v>42950</v>
      </c>
    </row>
    <row r="708" spans="1:8" ht="13.15" customHeight="1" x14ac:dyDescent="0.15">
      <c r="A708" s="6">
        <v>707</v>
      </c>
      <c r="B708" s="6" t="s">
        <v>2051</v>
      </c>
      <c r="C708" s="6" t="s">
        <v>2052</v>
      </c>
      <c r="D708" s="6"/>
      <c r="E708" s="6"/>
      <c r="F708" s="6"/>
      <c r="G708" s="9" t="s">
        <v>2053</v>
      </c>
      <c r="H708" s="10">
        <v>42966</v>
      </c>
    </row>
    <row r="709" spans="1:8" ht="13.15" customHeight="1" x14ac:dyDescent="0.15">
      <c r="A709" s="6">
        <v>708</v>
      </c>
      <c r="B709" s="6" t="s">
        <v>3015</v>
      </c>
      <c r="C709" s="6" t="s">
        <v>2054</v>
      </c>
      <c r="D709" s="6" t="s">
        <v>2055</v>
      </c>
      <c r="E709" s="6"/>
      <c r="F709" s="6"/>
      <c r="G709" s="9" t="s">
        <v>2056</v>
      </c>
      <c r="H709" s="10">
        <v>42970</v>
      </c>
    </row>
    <row r="710" spans="1:8" ht="13.15" customHeight="1" x14ac:dyDescent="0.15">
      <c r="A710" s="6">
        <v>709</v>
      </c>
      <c r="B710" s="6" t="s">
        <v>42</v>
      </c>
      <c r="C710" s="6" t="s">
        <v>2057</v>
      </c>
      <c r="D710" s="6"/>
      <c r="E710" s="6" t="s">
        <v>2768</v>
      </c>
      <c r="F710" s="6" t="s">
        <v>2058</v>
      </c>
      <c r="G710" s="9" t="s">
        <v>2059</v>
      </c>
      <c r="H710" s="10">
        <v>42972</v>
      </c>
    </row>
    <row r="711" spans="1:8" ht="13.15" customHeight="1" x14ac:dyDescent="0.15">
      <c r="A711" s="6">
        <v>710</v>
      </c>
      <c r="B711" s="6" t="s">
        <v>2066</v>
      </c>
      <c r="C711" s="6" t="s">
        <v>2067</v>
      </c>
      <c r="D711" s="6"/>
      <c r="E711" s="6"/>
      <c r="F711" s="6"/>
      <c r="G711" s="9" t="s">
        <v>2068</v>
      </c>
      <c r="H711" s="10">
        <v>43013</v>
      </c>
    </row>
    <row r="712" spans="1:8" ht="13.15" customHeight="1" x14ac:dyDescent="0.15">
      <c r="A712" s="6">
        <v>711</v>
      </c>
      <c r="B712" s="6" t="s">
        <v>1684</v>
      </c>
      <c r="C712" s="6" t="s">
        <v>154</v>
      </c>
      <c r="D712" s="6" t="s">
        <v>1685</v>
      </c>
      <c r="E712" s="6"/>
      <c r="F712" s="6"/>
      <c r="G712" s="9" t="s">
        <v>563</v>
      </c>
      <c r="H712" s="10">
        <v>43018</v>
      </c>
    </row>
    <row r="713" spans="1:8" ht="13.15" customHeight="1" x14ac:dyDescent="0.15">
      <c r="A713" s="6">
        <v>712</v>
      </c>
      <c r="B713" s="6" t="s">
        <v>1686</v>
      </c>
      <c r="C713" s="6" t="s">
        <v>1687</v>
      </c>
      <c r="D713" s="6"/>
      <c r="E713" s="6" t="s">
        <v>2769</v>
      </c>
      <c r="F713" s="6" t="s">
        <v>1688</v>
      </c>
      <c r="G713" s="9" t="s">
        <v>1689</v>
      </c>
      <c r="H713" s="10">
        <v>43020</v>
      </c>
    </row>
    <row r="714" spans="1:8" ht="13.15" customHeight="1" x14ac:dyDescent="0.15">
      <c r="A714" s="6">
        <v>713</v>
      </c>
      <c r="B714" s="6" t="s">
        <v>2060</v>
      </c>
      <c r="C714" s="6" t="s">
        <v>2061</v>
      </c>
      <c r="D714" s="6"/>
      <c r="E714" s="6"/>
      <c r="F714" s="6"/>
      <c r="G714" s="9" t="s">
        <v>2062</v>
      </c>
      <c r="H714" s="10">
        <v>43024</v>
      </c>
    </row>
    <row r="715" spans="1:8" ht="13.15" customHeight="1" x14ac:dyDescent="0.15">
      <c r="A715" s="6">
        <v>714</v>
      </c>
      <c r="B715" s="6" t="s">
        <v>1690</v>
      </c>
      <c r="C715" s="6" t="s">
        <v>1691</v>
      </c>
      <c r="D715" s="6"/>
      <c r="E715" s="6"/>
      <c r="F715" s="6"/>
      <c r="G715" s="9" t="s">
        <v>1692</v>
      </c>
      <c r="H715" s="10">
        <v>43033</v>
      </c>
    </row>
    <row r="716" spans="1:8" ht="13.15" customHeight="1" x14ac:dyDescent="0.15">
      <c r="A716" s="6">
        <v>715</v>
      </c>
      <c r="B716" s="6" t="s">
        <v>1697</v>
      </c>
      <c r="C716" s="6" t="s">
        <v>1698</v>
      </c>
      <c r="D716" s="6"/>
      <c r="E716" s="6"/>
      <c r="F716" s="6"/>
      <c r="G716" s="9" t="s">
        <v>510</v>
      </c>
      <c r="H716" s="10">
        <v>43050</v>
      </c>
    </row>
    <row r="717" spans="1:8" ht="13.15" customHeight="1" x14ac:dyDescent="0.15">
      <c r="A717" s="6">
        <v>716</v>
      </c>
      <c r="B717" s="6" t="s">
        <v>1693</v>
      </c>
      <c r="C717" s="6" t="s">
        <v>1694</v>
      </c>
      <c r="D717" s="6" t="s">
        <v>1695</v>
      </c>
      <c r="E717" s="6"/>
      <c r="F717" s="6"/>
      <c r="G717" s="9" t="s">
        <v>1696</v>
      </c>
      <c r="H717" s="10">
        <v>43060</v>
      </c>
    </row>
    <row r="718" spans="1:8" ht="13.15" customHeight="1" x14ac:dyDescent="0.15">
      <c r="A718" s="6">
        <v>717</v>
      </c>
      <c r="B718" s="6" t="s">
        <v>1699</v>
      </c>
      <c r="C718" s="6" t="s">
        <v>903</v>
      </c>
      <c r="D718" s="6"/>
      <c r="E718" s="6"/>
      <c r="F718" s="6"/>
      <c r="G718" s="9" t="s">
        <v>328</v>
      </c>
      <c r="H718" s="10">
        <v>43083</v>
      </c>
    </row>
    <row r="719" spans="1:8" ht="13.15" customHeight="1" x14ac:dyDescent="0.15">
      <c r="A719" s="6">
        <v>718</v>
      </c>
      <c r="B719" s="6" t="s">
        <v>1700</v>
      </c>
      <c r="C719" s="6" t="s">
        <v>1701</v>
      </c>
      <c r="D719" s="6" t="s">
        <v>1702</v>
      </c>
      <c r="E719" s="6" t="s">
        <v>2770</v>
      </c>
      <c r="F719" s="6" t="s">
        <v>2483</v>
      </c>
      <c r="G719" s="9" t="s">
        <v>1703</v>
      </c>
      <c r="H719" s="10">
        <v>43091</v>
      </c>
    </row>
    <row r="720" spans="1:8" ht="13.15" customHeight="1" x14ac:dyDescent="0.15">
      <c r="A720" s="6">
        <v>719</v>
      </c>
      <c r="B720" s="6" t="s">
        <v>1708</v>
      </c>
      <c r="C720" s="6" t="s">
        <v>1709</v>
      </c>
      <c r="D720" s="6"/>
      <c r="E720" s="6"/>
      <c r="F720" s="6"/>
      <c r="G720" s="9" t="s">
        <v>1710</v>
      </c>
      <c r="H720" s="10">
        <v>43097</v>
      </c>
    </row>
    <row r="721" spans="1:8" ht="13.15" customHeight="1" x14ac:dyDescent="0.15">
      <c r="A721" s="6">
        <v>720</v>
      </c>
      <c r="B721" s="6" t="s">
        <v>1704</v>
      </c>
      <c r="C721" s="6" t="s">
        <v>1705</v>
      </c>
      <c r="D721" s="6" t="s">
        <v>1706</v>
      </c>
      <c r="E721" s="6"/>
      <c r="F721" s="6"/>
      <c r="G721" s="9" t="s">
        <v>1707</v>
      </c>
      <c r="H721" s="10">
        <v>43101</v>
      </c>
    </row>
    <row r="722" spans="1:8" ht="13.15" customHeight="1" x14ac:dyDescent="0.15">
      <c r="A722" s="6">
        <v>721</v>
      </c>
      <c r="B722" s="6" t="s">
        <v>1711</v>
      </c>
      <c r="C722" s="6" t="s">
        <v>1433</v>
      </c>
      <c r="D722" s="6"/>
      <c r="E722" s="6"/>
      <c r="F722" s="6"/>
      <c r="G722" s="9" t="s">
        <v>1712</v>
      </c>
      <c r="H722" s="10">
        <v>43111</v>
      </c>
    </row>
    <row r="723" spans="1:8" ht="13.15" customHeight="1" x14ac:dyDescent="0.15">
      <c r="A723" s="6">
        <v>722</v>
      </c>
      <c r="B723" s="6" t="s">
        <v>1713</v>
      </c>
      <c r="C723" s="6" t="s">
        <v>1714</v>
      </c>
      <c r="D723" s="6"/>
      <c r="E723" s="6" t="s">
        <v>2757</v>
      </c>
      <c r="F723" s="6" t="s">
        <v>1715</v>
      </c>
      <c r="G723" s="9" t="s">
        <v>1716</v>
      </c>
      <c r="H723" s="10">
        <v>43132</v>
      </c>
    </row>
    <row r="724" spans="1:8" ht="13.15" customHeight="1" x14ac:dyDescent="0.15">
      <c r="A724" s="6">
        <v>723</v>
      </c>
      <c r="B724" s="6" t="s">
        <v>1717</v>
      </c>
      <c r="C724" s="6" t="s">
        <v>1718</v>
      </c>
      <c r="D724" s="6" t="s">
        <v>1719</v>
      </c>
      <c r="E724" s="6"/>
      <c r="F724" s="6"/>
      <c r="G724" s="9" t="s">
        <v>1720</v>
      </c>
      <c r="H724" s="10">
        <v>43153</v>
      </c>
    </row>
    <row r="725" spans="1:8" ht="13.15" customHeight="1" x14ac:dyDescent="0.15">
      <c r="A725" s="6">
        <v>724</v>
      </c>
      <c r="B725" s="6" t="s">
        <v>60</v>
      </c>
      <c r="C725" s="6" t="s">
        <v>61</v>
      </c>
      <c r="D725" s="6"/>
      <c r="E725" s="6"/>
      <c r="F725" s="6"/>
      <c r="G725" s="9" t="s">
        <v>1721</v>
      </c>
      <c r="H725" s="10">
        <v>43157</v>
      </c>
    </row>
    <row r="726" spans="1:8" ht="13.15" customHeight="1" x14ac:dyDescent="0.15">
      <c r="A726" s="6">
        <v>725</v>
      </c>
      <c r="B726" s="6" t="s">
        <v>1726</v>
      </c>
      <c r="C726" s="6" t="s">
        <v>1727</v>
      </c>
      <c r="D726" s="6"/>
      <c r="E726" s="6"/>
      <c r="F726" s="6"/>
      <c r="G726" s="9" t="s">
        <v>1728</v>
      </c>
      <c r="H726" s="10">
        <v>43161</v>
      </c>
    </row>
    <row r="727" spans="1:8" ht="13.15" customHeight="1" x14ac:dyDescent="0.15">
      <c r="A727" s="6">
        <v>726</v>
      </c>
      <c r="B727" s="6" t="s">
        <v>1729</v>
      </c>
      <c r="C727" s="6" t="s">
        <v>1730</v>
      </c>
      <c r="D727" s="6"/>
      <c r="E727" s="6"/>
      <c r="F727" s="6"/>
      <c r="G727" s="9" t="s">
        <v>1731</v>
      </c>
      <c r="H727" s="10">
        <v>43169</v>
      </c>
    </row>
    <row r="728" spans="1:8" ht="13.15" customHeight="1" x14ac:dyDescent="0.15">
      <c r="A728" s="6">
        <v>727</v>
      </c>
      <c r="B728" s="6" t="s">
        <v>1722</v>
      </c>
      <c r="C728" s="6" t="s">
        <v>5</v>
      </c>
      <c r="D728" s="6" t="s">
        <v>1723</v>
      </c>
      <c r="E728" s="6" t="s">
        <v>2760</v>
      </c>
      <c r="F728" s="6" t="s">
        <v>1724</v>
      </c>
      <c r="G728" s="9" t="s">
        <v>1725</v>
      </c>
      <c r="H728" s="10">
        <v>43175</v>
      </c>
    </row>
    <row r="729" spans="1:8" ht="13.15" customHeight="1" x14ac:dyDescent="0.15">
      <c r="A729" s="6">
        <v>728</v>
      </c>
      <c r="B729" s="6" t="s">
        <v>1732</v>
      </c>
      <c r="C729" s="6" t="s">
        <v>1733</v>
      </c>
      <c r="D729" s="6" t="s">
        <v>1734</v>
      </c>
      <c r="E729" s="6"/>
      <c r="F729" s="6"/>
      <c r="G729" s="9" t="s">
        <v>1735</v>
      </c>
      <c r="H729" s="10">
        <v>43191</v>
      </c>
    </row>
    <row r="730" spans="1:8" ht="13.15" customHeight="1" x14ac:dyDescent="0.15">
      <c r="A730" s="6">
        <v>729</v>
      </c>
      <c r="B730" s="6" t="s">
        <v>1736</v>
      </c>
      <c r="C730" s="6" t="s">
        <v>1737</v>
      </c>
      <c r="D730" s="6" t="s">
        <v>1738</v>
      </c>
      <c r="E730" s="6"/>
      <c r="F730" s="6"/>
      <c r="G730" s="9" t="s">
        <v>1739</v>
      </c>
      <c r="H730" s="10">
        <v>43191</v>
      </c>
    </row>
    <row r="731" spans="1:8" ht="13.15" customHeight="1" x14ac:dyDescent="0.15">
      <c r="A731" s="6">
        <v>730</v>
      </c>
      <c r="B731" s="6" t="s">
        <v>1740</v>
      </c>
      <c r="C731" s="6" t="s">
        <v>1741</v>
      </c>
      <c r="D731" s="6" t="s">
        <v>1742</v>
      </c>
      <c r="E731" s="6"/>
      <c r="F731" s="6"/>
      <c r="G731" s="9" t="s">
        <v>1743</v>
      </c>
      <c r="H731" s="10">
        <v>43199</v>
      </c>
    </row>
    <row r="732" spans="1:8" ht="13.15" customHeight="1" x14ac:dyDescent="0.15">
      <c r="A732" s="6">
        <v>731</v>
      </c>
      <c r="B732" s="6" t="s">
        <v>2069</v>
      </c>
      <c r="C732" s="6" t="s">
        <v>2070</v>
      </c>
      <c r="D732" s="6"/>
      <c r="E732" s="6"/>
      <c r="F732" s="6"/>
      <c r="G732" s="9" t="s">
        <v>2071</v>
      </c>
      <c r="H732" s="10">
        <v>43210</v>
      </c>
    </row>
    <row r="733" spans="1:8" ht="13.15" customHeight="1" x14ac:dyDescent="0.15">
      <c r="A733" s="6">
        <v>732</v>
      </c>
      <c r="B733" s="6" t="s">
        <v>2072</v>
      </c>
      <c r="C733" s="6" t="s">
        <v>802</v>
      </c>
      <c r="D733" s="6"/>
      <c r="E733" s="6" t="s">
        <v>2731</v>
      </c>
      <c r="F733" s="6" t="s">
        <v>500</v>
      </c>
      <c r="G733" s="9" t="s">
        <v>981</v>
      </c>
      <c r="H733" s="10">
        <v>43224</v>
      </c>
    </row>
    <row r="734" spans="1:8" ht="13.15" customHeight="1" x14ac:dyDescent="0.15">
      <c r="A734" s="6">
        <v>733</v>
      </c>
      <c r="B734" s="6" t="s">
        <v>2075</v>
      </c>
      <c r="C734" s="6" t="s">
        <v>2076</v>
      </c>
      <c r="D734" s="6"/>
      <c r="E734" s="6"/>
      <c r="F734" s="6"/>
      <c r="G734" s="9" t="s">
        <v>2077</v>
      </c>
      <c r="H734" s="10">
        <v>43231</v>
      </c>
    </row>
    <row r="735" spans="1:8" ht="13.15" customHeight="1" x14ac:dyDescent="0.15">
      <c r="A735" s="6">
        <v>734</v>
      </c>
      <c r="B735" s="6" t="s">
        <v>2439</v>
      </c>
      <c r="C735" s="6" t="s">
        <v>2073</v>
      </c>
      <c r="D735" s="6"/>
      <c r="E735" s="6"/>
      <c r="F735" s="6"/>
      <c r="G735" s="9" t="s">
        <v>2074</v>
      </c>
      <c r="H735" s="10">
        <v>43232</v>
      </c>
    </row>
    <row r="736" spans="1:8" ht="13.15" customHeight="1" x14ac:dyDescent="0.15">
      <c r="A736" s="6">
        <v>735</v>
      </c>
      <c r="B736" s="6" t="s">
        <v>1065</v>
      </c>
      <c r="C736" s="6" t="s">
        <v>1066</v>
      </c>
      <c r="D736" s="6"/>
      <c r="E736" s="6"/>
      <c r="F736" s="6"/>
      <c r="G736" s="9" t="s">
        <v>2078</v>
      </c>
      <c r="H736" s="10">
        <v>43239</v>
      </c>
    </row>
    <row r="737" spans="1:8" ht="13.15" customHeight="1" x14ac:dyDescent="0.15">
      <c r="A737" s="6">
        <v>736</v>
      </c>
      <c r="B737" s="6" t="s">
        <v>2079</v>
      </c>
      <c r="C737" s="6" t="s">
        <v>2080</v>
      </c>
      <c r="D737" s="6"/>
      <c r="E737" s="6"/>
      <c r="F737" s="6"/>
      <c r="G737" s="9" t="s">
        <v>1763</v>
      </c>
      <c r="H737" s="10">
        <v>43242</v>
      </c>
    </row>
    <row r="738" spans="1:8" ht="13.15" customHeight="1" x14ac:dyDescent="0.15">
      <c r="A738" s="6">
        <v>737</v>
      </c>
      <c r="B738" s="6" t="s">
        <v>2081</v>
      </c>
      <c r="C738" s="6" t="s">
        <v>2082</v>
      </c>
      <c r="D738" s="6"/>
      <c r="E738" s="6"/>
      <c r="F738" s="6"/>
      <c r="G738" s="9" t="s">
        <v>2035</v>
      </c>
      <c r="H738" s="10">
        <v>43242</v>
      </c>
    </row>
    <row r="739" spans="1:8" ht="13.15" customHeight="1" x14ac:dyDescent="0.15">
      <c r="A739" s="6">
        <v>738</v>
      </c>
      <c r="B739" s="6" t="s">
        <v>2085</v>
      </c>
      <c r="C739" s="6" t="s">
        <v>2086</v>
      </c>
      <c r="D739" s="6"/>
      <c r="E739" s="6"/>
      <c r="F739" s="6"/>
      <c r="G739" s="9" t="s">
        <v>1961</v>
      </c>
      <c r="H739" s="10">
        <v>43277</v>
      </c>
    </row>
    <row r="740" spans="1:8" ht="13.15" customHeight="1" x14ac:dyDescent="0.15">
      <c r="A740" s="6">
        <v>739</v>
      </c>
      <c r="B740" s="6" t="s">
        <v>2087</v>
      </c>
      <c r="C740" s="6" t="s">
        <v>2088</v>
      </c>
      <c r="D740" s="6"/>
      <c r="E740" s="6"/>
      <c r="F740" s="6"/>
      <c r="G740" s="9" t="s">
        <v>2089</v>
      </c>
      <c r="H740" s="10">
        <v>43282</v>
      </c>
    </row>
    <row r="741" spans="1:8" ht="13.15" customHeight="1" x14ac:dyDescent="0.15">
      <c r="A741" s="6">
        <v>740</v>
      </c>
      <c r="B741" s="6" t="s">
        <v>2090</v>
      </c>
      <c r="C741" s="6" t="s">
        <v>2091</v>
      </c>
      <c r="D741" s="6"/>
      <c r="E741" s="6"/>
      <c r="F741" s="6"/>
      <c r="G741" s="9" t="s">
        <v>2092</v>
      </c>
      <c r="H741" s="10">
        <v>43289</v>
      </c>
    </row>
    <row r="742" spans="1:8" ht="13.15" customHeight="1" x14ac:dyDescent="0.15">
      <c r="A742" s="6">
        <v>741</v>
      </c>
      <c r="B742" s="6" t="s">
        <v>2093</v>
      </c>
      <c r="C742" s="6" t="s">
        <v>2094</v>
      </c>
      <c r="D742" s="6" t="s">
        <v>2095</v>
      </c>
      <c r="E742" s="6"/>
      <c r="F742" s="6"/>
      <c r="G742" s="9" t="s">
        <v>1758</v>
      </c>
      <c r="H742" s="10">
        <v>43302</v>
      </c>
    </row>
    <row r="743" spans="1:8" ht="13.15" customHeight="1" x14ac:dyDescent="0.15">
      <c r="A743" s="6">
        <v>742</v>
      </c>
      <c r="B743" s="6" t="s">
        <v>2096</v>
      </c>
      <c r="C743" s="6" t="s">
        <v>1213</v>
      </c>
      <c r="D743" s="6" t="s">
        <v>1214</v>
      </c>
      <c r="E743" s="6"/>
      <c r="F743" s="6"/>
      <c r="G743" s="9" t="s">
        <v>2097</v>
      </c>
      <c r="H743" s="10">
        <v>43309</v>
      </c>
    </row>
    <row r="744" spans="1:8" s="2" customFormat="1" ht="13.15" customHeight="1" x14ac:dyDescent="0.15">
      <c r="A744" s="6">
        <v>743</v>
      </c>
      <c r="B744" s="6" t="s">
        <v>2098</v>
      </c>
      <c r="C744" s="6" t="s">
        <v>2099</v>
      </c>
      <c r="D744" s="6"/>
      <c r="E744" s="6" t="s">
        <v>2771</v>
      </c>
      <c r="F744" s="6" t="s">
        <v>676</v>
      </c>
      <c r="G744" s="9" t="s">
        <v>303</v>
      </c>
      <c r="H744" s="10">
        <v>43317</v>
      </c>
    </row>
    <row r="745" spans="1:8" ht="13.15" customHeight="1" x14ac:dyDescent="0.15">
      <c r="A745" s="6">
        <v>744</v>
      </c>
      <c r="B745" s="6" t="s">
        <v>2100</v>
      </c>
      <c r="C745" s="6" t="s">
        <v>2101</v>
      </c>
      <c r="D745" s="6" t="s">
        <v>2102</v>
      </c>
      <c r="E745" s="6"/>
      <c r="F745" s="6"/>
      <c r="G745" s="9" t="s">
        <v>2103</v>
      </c>
      <c r="H745" s="10">
        <v>43336</v>
      </c>
    </row>
    <row r="746" spans="1:8" ht="13.15" customHeight="1" x14ac:dyDescent="0.15">
      <c r="A746" s="6">
        <v>745</v>
      </c>
      <c r="B746" s="6" t="s">
        <v>2106</v>
      </c>
      <c r="C746" s="6" t="s">
        <v>2107</v>
      </c>
      <c r="D746" s="6"/>
      <c r="E746" s="6"/>
      <c r="F746" s="6"/>
      <c r="G746" s="9" t="s">
        <v>2109</v>
      </c>
      <c r="H746" s="10">
        <v>43336</v>
      </c>
    </row>
    <row r="747" spans="1:8" ht="13.15" customHeight="1" x14ac:dyDescent="0.15">
      <c r="A747" s="6">
        <v>746</v>
      </c>
      <c r="B747" s="6" t="s">
        <v>2110</v>
      </c>
      <c r="C747" s="6" t="s">
        <v>2101</v>
      </c>
      <c r="D747" s="6" t="s">
        <v>2111</v>
      </c>
      <c r="E747" s="6"/>
      <c r="F747" s="6"/>
      <c r="G747" s="9" t="s">
        <v>2112</v>
      </c>
      <c r="H747" s="10">
        <v>43356</v>
      </c>
    </row>
    <row r="748" spans="1:8" ht="13.15" customHeight="1" x14ac:dyDescent="0.15">
      <c r="A748" s="6">
        <v>747</v>
      </c>
      <c r="B748" s="6" t="s">
        <v>2113</v>
      </c>
      <c r="C748" s="6" t="s">
        <v>2101</v>
      </c>
      <c r="D748" s="6" t="s">
        <v>2114</v>
      </c>
      <c r="E748" s="6"/>
      <c r="F748" s="6"/>
      <c r="G748" s="9" t="s">
        <v>1767</v>
      </c>
      <c r="H748" s="10">
        <v>43356</v>
      </c>
    </row>
    <row r="749" spans="1:8" ht="13.15" customHeight="1" x14ac:dyDescent="0.15">
      <c r="A749" s="6">
        <v>748</v>
      </c>
      <c r="B749" s="6" t="s">
        <v>1629</v>
      </c>
      <c r="C749" s="6" t="s">
        <v>1630</v>
      </c>
      <c r="D749" s="6" t="s">
        <v>1631</v>
      </c>
      <c r="E749" s="6" t="s">
        <v>2772</v>
      </c>
      <c r="F749" s="6" t="s">
        <v>2115</v>
      </c>
      <c r="G749" s="9" t="s">
        <v>2116</v>
      </c>
      <c r="H749" s="10">
        <v>43359</v>
      </c>
    </row>
    <row r="750" spans="1:8" ht="13.15" customHeight="1" x14ac:dyDescent="0.15">
      <c r="A750" s="6">
        <v>749</v>
      </c>
      <c r="B750" s="6" t="s">
        <v>2118</v>
      </c>
      <c r="C750" s="6" t="s">
        <v>2119</v>
      </c>
      <c r="D750" s="6"/>
      <c r="E750" s="6"/>
      <c r="F750" s="6"/>
      <c r="G750" s="9" t="s">
        <v>2120</v>
      </c>
      <c r="H750" s="10">
        <v>43369</v>
      </c>
    </row>
    <row r="751" spans="1:8" ht="13.15" customHeight="1" x14ac:dyDescent="0.15">
      <c r="A751" s="6">
        <v>750</v>
      </c>
      <c r="B751" s="6" t="s">
        <v>2121</v>
      </c>
      <c r="C751" s="6" t="s">
        <v>2122</v>
      </c>
      <c r="D751" s="6" t="s">
        <v>2123</v>
      </c>
      <c r="E751" s="6"/>
      <c r="F751" s="6"/>
      <c r="G751" s="9" t="s">
        <v>1760</v>
      </c>
      <c r="H751" s="10">
        <v>43374</v>
      </c>
    </row>
    <row r="752" spans="1:8" ht="13.15" customHeight="1" x14ac:dyDescent="0.15">
      <c r="A752" s="6">
        <v>751</v>
      </c>
      <c r="B752" s="6" t="s">
        <v>2124</v>
      </c>
      <c r="C752" s="6" t="s">
        <v>2125</v>
      </c>
      <c r="D752" s="6"/>
      <c r="E752" s="6" t="s">
        <v>2772</v>
      </c>
      <c r="F752" s="6" t="s">
        <v>2115</v>
      </c>
      <c r="G752" s="9" t="s">
        <v>1770</v>
      </c>
      <c r="H752" s="10">
        <v>43380</v>
      </c>
    </row>
    <row r="753" spans="1:8" ht="13.15" customHeight="1" x14ac:dyDescent="0.15">
      <c r="A753" s="6">
        <v>752</v>
      </c>
      <c r="B753" s="6" t="s">
        <v>2473</v>
      </c>
      <c r="C753" s="6" t="s">
        <v>2126</v>
      </c>
      <c r="D753" s="6"/>
      <c r="E753" s="6"/>
      <c r="F753" s="6"/>
      <c r="G753" s="9" t="s">
        <v>2127</v>
      </c>
      <c r="H753" s="10">
        <v>43393</v>
      </c>
    </row>
    <row r="754" spans="1:8" ht="13.15" customHeight="1" x14ac:dyDescent="0.15">
      <c r="A754" s="6">
        <v>753</v>
      </c>
      <c r="B754" s="6" t="s">
        <v>1469</v>
      </c>
      <c r="C754" s="6" t="s">
        <v>2131</v>
      </c>
      <c r="D754" s="6"/>
      <c r="E754" s="6"/>
      <c r="F754" s="6"/>
      <c r="G754" s="9" t="s">
        <v>2132</v>
      </c>
      <c r="H754" s="10">
        <v>43397</v>
      </c>
    </row>
    <row r="755" spans="1:8" ht="13.15" customHeight="1" x14ac:dyDescent="0.15">
      <c r="A755" s="6">
        <v>754</v>
      </c>
      <c r="B755" s="6" t="s">
        <v>2128</v>
      </c>
      <c r="C755" s="6" t="s">
        <v>2129</v>
      </c>
      <c r="D755" s="6"/>
      <c r="E755" s="6"/>
      <c r="F755" s="6"/>
      <c r="G755" s="9" t="s">
        <v>2130</v>
      </c>
      <c r="H755" s="10">
        <v>43405</v>
      </c>
    </row>
    <row r="756" spans="1:8" ht="13.15" customHeight="1" x14ac:dyDescent="0.15">
      <c r="A756" s="6">
        <v>755</v>
      </c>
      <c r="B756" s="6" t="s">
        <v>2133</v>
      </c>
      <c r="C756" s="6" t="s">
        <v>684</v>
      </c>
      <c r="D756" s="6"/>
      <c r="E756" s="6"/>
      <c r="F756" s="6"/>
      <c r="G756" s="9" t="s">
        <v>2134</v>
      </c>
      <c r="H756" s="10">
        <v>43405</v>
      </c>
    </row>
    <row r="757" spans="1:8" ht="13.15" customHeight="1" x14ac:dyDescent="0.15">
      <c r="A757" s="6">
        <v>756</v>
      </c>
      <c r="B757" s="6" t="s">
        <v>1864</v>
      </c>
      <c r="C757" s="6" t="s">
        <v>2135</v>
      </c>
      <c r="D757" s="6"/>
      <c r="E757" s="6"/>
      <c r="F757" s="6"/>
      <c r="G757" s="9" t="s">
        <v>2136</v>
      </c>
      <c r="H757" s="10">
        <v>43421</v>
      </c>
    </row>
    <row r="758" spans="1:8" ht="13.15" customHeight="1" x14ac:dyDescent="0.15">
      <c r="A758" s="6">
        <v>757</v>
      </c>
      <c r="B758" s="6" t="s">
        <v>2137</v>
      </c>
      <c r="C758" s="6" t="s">
        <v>2138</v>
      </c>
      <c r="D758" s="6" t="s">
        <v>2139</v>
      </c>
      <c r="E758" s="6"/>
      <c r="F758" s="6"/>
      <c r="G758" s="9" t="s">
        <v>2140</v>
      </c>
      <c r="H758" s="10">
        <v>43441</v>
      </c>
    </row>
    <row r="759" spans="1:8" x14ac:dyDescent="0.15">
      <c r="A759" s="6">
        <v>758</v>
      </c>
      <c r="B759" s="6" t="s">
        <v>2141</v>
      </c>
      <c r="C759" s="6" t="s">
        <v>2142</v>
      </c>
      <c r="D759" s="6"/>
      <c r="E759" s="6"/>
      <c r="F759" s="6"/>
      <c r="G759" s="9" t="s">
        <v>1320</v>
      </c>
      <c r="H759" s="10">
        <v>43455</v>
      </c>
    </row>
    <row r="760" spans="1:8" ht="13.15" customHeight="1" x14ac:dyDescent="0.15">
      <c r="A760" s="6">
        <v>759</v>
      </c>
      <c r="B760" s="6" t="s">
        <v>1636</v>
      </c>
      <c r="C760" s="6" t="s">
        <v>2146</v>
      </c>
      <c r="D760" s="6"/>
      <c r="E760" s="6"/>
      <c r="F760" s="6"/>
      <c r="G760" s="9" t="s">
        <v>2147</v>
      </c>
      <c r="H760" s="10">
        <v>43470</v>
      </c>
    </row>
    <row r="761" spans="1:8" ht="13.15" customHeight="1" x14ac:dyDescent="0.15">
      <c r="A761" s="6">
        <v>760</v>
      </c>
      <c r="B761" s="6" t="s">
        <v>2143</v>
      </c>
      <c r="C761" s="6" t="s">
        <v>2144</v>
      </c>
      <c r="D761" s="6"/>
      <c r="E761" s="6"/>
      <c r="F761" s="6"/>
      <c r="G761" s="9" t="s">
        <v>2145</v>
      </c>
      <c r="H761" s="10">
        <v>43484</v>
      </c>
    </row>
    <row r="762" spans="1:8" ht="13.15" customHeight="1" x14ac:dyDescent="0.15">
      <c r="A762" s="6">
        <v>761</v>
      </c>
      <c r="B762" s="6" t="s">
        <v>2412</v>
      </c>
      <c r="C762" s="6" t="s">
        <v>2151</v>
      </c>
      <c r="D762" s="6"/>
      <c r="E762" s="6"/>
      <c r="F762" s="6"/>
      <c r="G762" s="9" t="s">
        <v>2152</v>
      </c>
      <c r="H762" s="10">
        <v>43496</v>
      </c>
    </row>
    <row r="763" spans="1:8" ht="13.9" customHeight="1" x14ac:dyDescent="0.15">
      <c r="A763" s="6">
        <v>762</v>
      </c>
      <c r="B763" s="6" t="s">
        <v>2148</v>
      </c>
      <c r="C763" s="6" t="s">
        <v>1637</v>
      </c>
      <c r="D763" s="6" t="s">
        <v>2149</v>
      </c>
      <c r="E763" s="6"/>
      <c r="F763" s="6"/>
      <c r="G763" s="9" t="s">
        <v>2150</v>
      </c>
      <c r="H763" s="10">
        <v>43497</v>
      </c>
    </row>
    <row r="764" spans="1:8" ht="13.15" customHeight="1" x14ac:dyDescent="0.15">
      <c r="A764" s="6">
        <v>763</v>
      </c>
      <c r="B764" s="6" t="s">
        <v>2153</v>
      </c>
      <c r="C764" s="6" t="s">
        <v>2154</v>
      </c>
      <c r="D764" s="6"/>
      <c r="E764" s="6"/>
      <c r="F764" s="6"/>
      <c r="G764" s="9" t="s">
        <v>2155</v>
      </c>
      <c r="H764" s="10">
        <v>43511</v>
      </c>
    </row>
    <row r="765" spans="1:8" ht="13.15" customHeight="1" x14ac:dyDescent="0.15">
      <c r="A765" s="6">
        <v>764</v>
      </c>
      <c r="B765" s="6" t="s">
        <v>2156</v>
      </c>
      <c r="C765" s="6" t="s">
        <v>2157</v>
      </c>
      <c r="D765" s="6"/>
      <c r="E765" s="6" t="s">
        <v>2756</v>
      </c>
      <c r="F765" s="6" t="s">
        <v>1838</v>
      </c>
      <c r="G765" s="9" t="s">
        <v>2158</v>
      </c>
      <c r="H765" s="10">
        <v>43512</v>
      </c>
    </row>
    <row r="766" spans="1:8" ht="13.15" customHeight="1" x14ac:dyDescent="0.15">
      <c r="A766" s="6">
        <v>765</v>
      </c>
      <c r="B766" s="6" t="s">
        <v>2161</v>
      </c>
      <c r="C766" s="6" t="s">
        <v>2162</v>
      </c>
      <c r="D766" s="6"/>
      <c r="E766" s="6" t="s">
        <v>2737</v>
      </c>
      <c r="F766" s="6" t="s">
        <v>1224</v>
      </c>
      <c r="G766" s="9" t="s">
        <v>2163</v>
      </c>
      <c r="H766" s="10">
        <v>43522</v>
      </c>
    </row>
    <row r="767" spans="1:8" ht="13.15" customHeight="1" x14ac:dyDescent="0.15">
      <c r="A767" s="6">
        <v>766</v>
      </c>
      <c r="B767" s="6" t="s">
        <v>2159</v>
      </c>
      <c r="C767" s="6" t="s">
        <v>2160</v>
      </c>
      <c r="D767" s="6"/>
      <c r="E767" s="6"/>
      <c r="F767" s="6"/>
      <c r="G767" s="9" t="s">
        <v>1002</v>
      </c>
      <c r="H767" s="10">
        <v>43527</v>
      </c>
    </row>
    <row r="768" spans="1:8" ht="13.15" customHeight="1" x14ac:dyDescent="0.15">
      <c r="A768" s="6">
        <v>767</v>
      </c>
      <c r="B768" s="6" t="s">
        <v>2164</v>
      </c>
      <c r="C768" s="6" t="s">
        <v>2165</v>
      </c>
      <c r="D768" s="6"/>
      <c r="E768" s="6"/>
      <c r="F768" s="6"/>
      <c r="G768" s="9" t="s">
        <v>895</v>
      </c>
      <c r="H768" s="10">
        <v>43530</v>
      </c>
    </row>
    <row r="769" spans="1:8" ht="13.15" customHeight="1" x14ac:dyDescent="0.15">
      <c r="A769" s="6">
        <v>768</v>
      </c>
      <c r="B769" s="6" t="s">
        <v>2166</v>
      </c>
      <c r="C769" s="6" t="s">
        <v>2167</v>
      </c>
      <c r="D769" s="6"/>
      <c r="E769" s="6"/>
      <c r="F769" s="6"/>
      <c r="G769" s="9" t="s">
        <v>1005</v>
      </c>
      <c r="H769" s="10">
        <v>43534</v>
      </c>
    </row>
    <row r="770" spans="1:8" ht="13.15" customHeight="1" x14ac:dyDescent="0.15">
      <c r="A770" s="6">
        <v>769</v>
      </c>
      <c r="B770" s="6" t="s">
        <v>2171</v>
      </c>
      <c r="C770" s="6" t="s">
        <v>2172</v>
      </c>
      <c r="D770" s="6"/>
      <c r="E770" s="6"/>
      <c r="F770" s="6"/>
      <c r="G770" s="9" t="s">
        <v>232</v>
      </c>
      <c r="H770" s="10">
        <v>43543</v>
      </c>
    </row>
    <row r="771" spans="1:8" ht="13.15" customHeight="1" x14ac:dyDescent="0.15">
      <c r="A771" s="6">
        <v>770</v>
      </c>
      <c r="B771" s="6" t="s">
        <v>2168</v>
      </c>
      <c r="C771" s="6" t="s">
        <v>2169</v>
      </c>
      <c r="D771" s="6" t="s">
        <v>2170</v>
      </c>
      <c r="E771" s="6"/>
      <c r="F771" s="6"/>
      <c r="G771" s="9" t="s">
        <v>2040</v>
      </c>
      <c r="H771" s="10">
        <v>43546</v>
      </c>
    </row>
    <row r="772" spans="1:8" ht="13.15" customHeight="1" x14ac:dyDescent="0.15">
      <c r="A772" s="6">
        <v>771</v>
      </c>
      <c r="B772" s="6" t="s">
        <v>2173</v>
      </c>
      <c r="C772" s="6" t="s">
        <v>2174</v>
      </c>
      <c r="D772" s="6"/>
      <c r="E772" s="6" t="s">
        <v>2719</v>
      </c>
      <c r="F772" s="6" t="s">
        <v>89</v>
      </c>
      <c r="G772" s="9" t="s">
        <v>2176</v>
      </c>
      <c r="H772" s="10">
        <v>43553</v>
      </c>
    </row>
    <row r="773" spans="1:8" ht="13.15" customHeight="1" x14ac:dyDescent="0.15">
      <c r="A773" s="6">
        <v>772</v>
      </c>
      <c r="B773" s="6" t="s">
        <v>2177</v>
      </c>
      <c r="C773" s="6" t="s">
        <v>2178</v>
      </c>
      <c r="D773" s="6" t="s">
        <v>2179</v>
      </c>
      <c r="E773" s="6"/>
      <c r="F773" s="6"/>
      <c r="G773" s="9" t="s">
        <v>2180</v>
      </c>
      <c r="H773" s="10">
        <v>43556</v>
      </c>
    </row>
    <row r="774" spans="1:8" ht="13.15" customHeight="1" x14ac:dyDescent="0.15">
      <c r="A774" s="6">
        <v>773</v>
      </c>
      <c r="B774" s="6" t="s">
        <v>2181</v>
      </c>
      <c r="C774" s="6" t="s">
        <v>2182</v>
      </c>
      <c r="D774" s="6" t="s">
        <v>2183</v>
      </c>
      <c r="E774" s="6"/>
      <c r="F774" s="6"/>
      <c r="G774" s="9" t="s">
        <v>2184</v>
      </c>
      <c r="H774" s="10">
        <v>43558</v>
      </c>
    </row>
    <row r="775" spans="1:8" ht="13.15" customHeight="1" x14ac:dyDescent="0.15">
      <c r="A775" s="6">
        <v>774</v>
      </c>
      <c r="B775" s="6" t="s">
        <v>2185</v>
      </c>
      <c r="C775" s="6" t="s">
        <v>2186</v>
      </c>
      <c r="D775" s="6"/>
      <c r="E775" s="6"/>
      <c r="F775" s="6"/>
      <c r="G775" s="9" t="s">
        <v>2187</v>
      </c>
      <c r="H775" s="10">
        <v>43574</v>
      </c>
    </row>
    <row r="776" spans="1:8" ht="13.15" customHeight="1" x14ac:dyDescent="0.15">
      <c r="A776" s="6">
        <v>775</v>
      </c>
      <c r="B776" s="6" t="s">
        <v>2188</v>
      </c>
      <c r="C776" s="6" t="s">
        <v>2189</v>
      </c>
      <c r="D776" s="6" t="s">
        <v>2190</v>
      </c>
      <c r="E776" s="6" t="s">
        <v>2773</v>
      </c>
      <c r="F776" s="6" t="s">
        <v>2191</v>
      </c>
      <c r="G776" s="9" t="s">
        <v>142</v>
      </c>
      <c r="H776" s="10">
        <v>43585</v>
      </c>
    </row>
    <row r="777" spans="1:8" ht="13.15" customHeight="1" x14ac:dyDescent="0.15">
      <c r="A777" s="6">
        <v>776</v>
      </c>
      <c r="B777" s="6" t="s">
        <v>2192</v>
      </c>
      <c r="C777" s="6" t="s">
        <v>2193</v>
      </c>
      <c r="D777" s="6"/>
      <c r="E777" s="6"/>
      <c r="F777" s="6"/>
      <c r="G777" s="9" t="s">
        <v>2194</v>
      </c>
      <c r="H777" s="10">
        <v>43586</v>
      </c>
    </row>
    <row r="778" spans="1:8" ht="13.15" customHeight="1" x14ac:dyDescent="0.15">
      <c r="A778" s="6">
        <v>777</v>
      </c>
      <c r="B778" s="6" t="s">
        <v>138</v>
      </c>
      <c r="C778" s="6" t="s">
        <v>139</v>
      </c>
      <c r="D778" s="6"/>
      <c r="E778" s="6"/>
      <c r="F778" s="6"/>
      <c r="G778" s="9" t="s">
        <v>2197</v>
      </c>
      <c r="H778" s="10">
        <v>43592</v>
      </c>
    </row>
    <row r="779" spans="1:8" ht="13.15" customHeight="1" x14ac:dyDescent="0.15">
      <c r="A779" s="6">
        <v>778</v>
      </c>
      <c r="B779" s="6" t="s">
        <v>1810</v>
      </c>
      <c r="C779" s="6" t="s">
        <v>2201</v>
      </c>
      <c r="D779" s="6"/>
      <c r="E779" s="6" t="s">
        <v>1990</v>
      </c>
      <c r="F779" s="6" t="s">
        <v>2202</v>
      </c>
      <c r="G779" s="9" t="s">
        <v>503</v>
      </c>
      <c r="H779" s="10">
        <v>43599</v>
      </c>
    </row>
    <row r="780" spans="1:8" ht="13.15" customHeight="1" x14ac:dyDescent="0.15">
      <c r="A780" s="6">
        <v>779</v>
      </c>
      <c r="B780" s="6" t="s">
        <v>2195</v>
      </c>
      <c r="C780" s="6" t="s">
        <v>302</v>
      </c>
      <c r="D780" s="6" t="s">
        <v>2196</v>
      </c>
      <c r="E780" s="6"/>
      <c r="F780" s="6"/>
      <c r="G780" s="9" t="s">
        <v>1775</v>
      </c>
      <c r="H780" s="10">
        <v>43602</v>
      </c>
    </row>
    <row r="781" spans="1:8" ht="13.15" customHeight="1" x14ac:dyDescent="0.15">
      <c r="A781" s="6">
        <v>780</v>
      </c>
      <c r="B781" s="6" t="s">
        <v>2198</v>
      </c>
      <c r="C781" s="6" t="s">
        <v>2199</v>
      </c>
      <c r="D781" s="6"/>
      <c r="E781" s="6"/>
      <c r="F781" s="6"/>
      <c r="G781" s="9" t="s">
        <v>2200</v>
      </c>
      <c r="H781" s="10">
        <v>43603</v>
      </c>
    </row>
    <row r="782" spans="1:8" ht="13.15" customHeight="1" x14ac:dyDescent="0.15">
      <c r="A782" s="6">
        <v>781</v>
      </c>
      <c r="B782" s="6" t="s">
        <v>2203</v>
      </c>
      <c r="C782" s="6" t="s">
        <v>2204</v>
      </c>
      <c r="D782" s="6"/>
      <c r="E782" s="6"/>
      <c r="F782" s="6"/>
      <c r="G782" s="9" t="s">
        <v>502</v>
      </c>
      <c r="H782" s="10">
        <v>43606</v>
      </c>
    </row>
    <row r="783" spans="1:8" ht="13.15" customHeight="1" x14ac:dyDescent="0.15">
      <c r="A783" s="6">
        <v>782</v>
      </c>
      <c r="B783" s="6" t="s">
        <v>2205</v>
      </c>
      <c r="C783" s="6" t="s">
        <v>2206</v>
      </c>
      <c r="D783" s="6" t="s">
        <v>2207</v>
      </c>
      <c r="E783" s="6"/>
      <c r="F783" s="6"/>
      <c r="G783" s="9" t="s">
        <v>693</v>
      </c>
      <c r="H783" s="10">
        <v>43615</v>
      </c>
    </row>
    <row r="784" spans="1:8" ht="13.15" customHeight="1" x14ac:dyDescent="0.15">
      <c r="A784" s="6">
        <v>783</v>
      </c>
      <c r="B784" s="6" t="s">
        <v>2208</v>
      </c>
      <c r="C784" s="6" t="s">
        <v>2209</v>
      </c>
      <c r="D784" s="6" t="s">
        <v>2210</v>
      </c>
      <c r="E784" s="6"/>
      <c r="F784" s="6"/>
      <c r="G784" s="9" t="s">
        <v>2211</v>
      </c>
      <c r="H784" s="10">
        <v>43627</v>
      </c>
    </row>
    <row r="785" spans="1:8" ht="13.15" customHeight="1" x14ac:dyDescent="0.15">
      <c r="A785" s="6">
        <v>784</v>
      </c>
      <c r="B785" s="6" t="s">
        <v>2212</v>
      </c>
      <c r="C785" s="6" t="s">
        <v>2213</v>
      </c>
      <c r="D785" s="6"/>
      <c r="E785" s="6"/>
      <c r="F785" s="6"/>
      <c r="G785" s="9" t="s">
        <v>2214</v>
      </c>
      <c r="H785" s="10">
        <v>43634</v>
      </c>
    </row>
    <row r="786" spans="1:8" ht="13.15" customHeight="1" x14ac:dyDescent="0.15">
      <c r="A786" s="6">
        <v>785</v>
      </c>
      <c r="B786" s="6" t="s">
        <v>2215</v>
      </c>
      <c r="C786" s="6" t="s">
        <v>2216</v>
      </c>
      <c r="D786" s="6" t="s">
        <v>2217</v>
      </c>
      <c r="E786" s="6"/>
      <c r="F786" s="6"/>
      <c r="G786" s="9" t="s">
        <v>2218</v>
      </c>
      <c r="H786" s="10">
        <v>43640</v>
      </c>
    </row>
    <row r="787" spans="1:8" ht="13.15" customHeight="1" x14ac:dyDescent="0.15">
      <c r="A787" s="6">
        <v>786</v>
      </c>
      <c r="B787" s="6" t="s">
        <v>2219</v>
      </c>
      <c r="C787" s="6" t="s">
        <v>2220</v>
      </c>
      <c r="D787" s="6" t="s">
        <v>2221</v>
      </c>
      <c r="E787" s="6"/>
      <c r="F787" s="6"/>
      <c r="G787" s="9" t="s">
        <v>2222</v>
      </c>
      <c r="H787" s="10">
        <v>43641</v>
      </c>
    </row>
    <row r="788" spans="1:8" ht="13.15" customHeight="1" x14ac:dyDescent="0.15">
      <c r="A788" s="6">
        <v>787</v>
      </c>
      <c r="B788" s="6" t="s">
        <v>2223</v>
      </c>
      <c r="C788" s="6" t="s">
        <v>1989</v>
      </c>
      <c r="D788" s="6"/>
      <c r="E788" s="6"/>
      <c r="F788" s="6"/>
      <c r="G788" s="9" t="s">
        <v>2224</v>
      </c>
      <c r="H788" s="10">
        <v>43643</v>
      </c>
    </row>
    <row r="789" spans="1:8" ht="13.15" customHeight="1" x14ac:dyDescent="0.15">
      <c r="A789" s="6">
        <v>788</v>
      </c>
      <c r="B789" s="6" t="s">
        <v>2228</v>
      </c>
      <c r="C789" s="6" t="s">
        <v>2229</v>
      </c>
      <c r="D789" s="6"/>
      <c r="E789" s="6"/>
      <c r="F789" s="6"/>
      <c r="G789" s="9" t="s">
        <v>2230</v>
      </c>
      <c r="H789" s="10">
        <v>43647</v>
      </c>
    </row>
    <row r="790" spans="1:8" ht="13.15" customHeight="1" x14ac:dyDescent="0.15">
      <c r="A790" s="6">
        <v>789</v>
      </c>
      <c r="B790" s="6" t="s">
        <v>2231</v>
      </c>
      <c r="C790" s="6" t="s">
        <v>1286</v>
      </c>
      <c r="D790" s="6" t="s">
        <v>2232</v>
      </c>
      <c r="E790" s="6" t="s">
        <v>2774</v>
      </c>
      <c r="F790" s="6" t="s">
        <v>2233</v>
      </c>
      <c r="G790" s="9" t="s">
        <v>1773</v>
      </c>
      <c r="H790" s="10">
        <v>43650</v>
      </c>
    </row>
    <row r="791" spans="1:8" ht="13.15" customHeight="1" x14ac:dyDescent="0.15">
      <c r="A791" s="6">
        <v>790</v>
      </c>
      <c r="B791" s="6" t="s">
        <v>2234</v>
      </c>
      <c r="C791" s="6" t="s">
        <v>2235</v>
      </c>
      <c r="D791" s="6"/>
      <c r="E791" s="6"/>
      <c r="F791" s="6"/>
      <c r="G791" s="9" t="s">
        <v>1102</v>
      </c>
      <c r="H791" s="10">
        <v>43654</v>
      </c>
    </row>
    <row r="792" spans="1:8" ht="13.15" customHeight="1" x14ac:dyDescent="0.15">
      <c r="A792" s="6">
        <v>791</v>
      </c>
      <c r="B792" s="6" t="s">
        <v>2236</v>
      </c>
      <c r="C792" s="6" t="s">
        <v>2237</v>
      </c>
      <c r="D792" s="6" t="s">
        <v>2238</v>
      </c>
      <c r="E792" s="6" t="s">
        <v>2769</v>
      </c>
      <c r="F792" s="6" t="s">
        <v>1688</v>
      </c>
      <c r="G792" s="9" t="s">
        <v>2239</v>
      </c>
      <c r="H792" s="10">
        <v>43654</v>
      </c>
    </row>
    <row r="793" spans="1:8" ht="13.15" customHeight="1" x14ac:dyDescent="0.15">
      <c r="A793" s="6">
        <v>792</v>
      </c>
      <c r="B793" s="6" t="s">
        <v>1230</v>
      </c>
      <c r="C793" s="6" t="s">
        <v>2225</v>
      </c>
      <c r="D793" s="6" t="s">
        <v>2226</v>
      </c>
      <c r="E793" s="6"/>
      <c r="F793" s="6"/>
      <c r="G793" s="9" t="s">
        <v>2227</v>
      </c>
      <c r="H793" s="10">
        <v>43657</v>
      </c>
    </row>
    <row r="794" spans="1:8" ht="13.15" customHeight="1" x14ac:dyDescent="0.15">
      <c r="A794" s="6">
        <v>793</v>
      </c>
      <c r="B794" s="6" t="s">
        <v>2244</v>
      </c>
      <c r="C794" s="6" t="s">
        <v>2245</v>
      </c>
      <c r="D794" s="6"/>
      <c r="E794" s="6"/>
      <c r="F794" s="6"/>
      <c r="G794" s="9" t="s">
        <v>2246</v>
      </c>
      <c r="H794" s="10">
        <v>43659</v>
      </c>
    </row>
    <row r="795" spans="1:8" ht="13.15" customHeight="1" x14ac:dyDescent="0.15">
      <c r="A795" s="6">
        <v>794</v>
      </c>
      <c r="B795" s="6" t="s">
        <v>2240</v>
      </c>
      <c r="C795" s="6" t="s">
        <v>2241</v>
      </c>
      <c r="D795" s="6" t="s">
        <v>2242</v>
      </c>
      <c r="E795" s="6" t="s">
        <v>2775</v>
      </c>
      <c r="F795" s="6" t="s">
        <v>676</v>
      </c>
      <c r="G795" s="9" t="s">
        <v>2243</v>
      </c>
      <c r="H795" s="10">
        <v>43670</v>
      </c>
    </row>
    <row r="796" spans="1:8" ht="13.15" customHeight="1" x14ac:dyDescent="0.15">
      <c r="A796" s="6">
        <v>795</v>
      </c>
      <c r="B796" s="6" t="s">
        <v>2247</v>
      </c>
      <c r="C796" s="6" t="s">
        <v>2248</v>
      </c>
      <c r="D796" s="6" t="s">
        <v>2249</v>
      </c>
      <c r="E796" s="6"/>
      <c r="F796" s="6"/>
      <c r="G796" s="9" t="s">
        <v>2250</v>
      </c>
      <c r="H796" s="10">
        <v>43680</v>
      </c>
    </row>
    <row r="797" spans="1:8" ht="13.15" customHeight="1" x14ac:dyDescent="0.15">
      <c r="A797" s="6">
        <v>796</v>
      </c>
      <c r="B797" s="6" t="s">
        <v>2251</v>
      </c>
      <c r="C797" s="6" t="s">
        <v>2252</v>
      </c>
      <c r="D797" s="6"/>
      <c r="E797" s="6"/>
      <c r="F797" s="6"/>
      <c r="G797" s="9" t="s">
        <v>2108</v>
      </c>
      <c r="H797" s="10">
        <v>43687</v>
      </c>
    </row>
    <row r="798" spans="1:8" ht="13.15" customHeight="1" x14ac:dyDescent="0.15">
      <c r="A798" s="6">
        <v>797</v>
      </c>
      <c r="B798" s="6" t="s">
        <v>2931</v>
      </c>
      <c r="C798" s="6" t="s">
        <v>2253</v>
      </c>
      <c r="D798" s="6"/>
      <c r="E798" s="6" t="s">
        <v>2932</v>
      </c>
      <c r="F798" s="6" t="s">
        <v>1724</v>
      </c>
      <c r="G798" s="9" t="s">
        <v>2254</v>
      </c>
      <c r="H798" s="10">
        <v>43706</v>
      </c>
    </row>
    <row r="799" spans="1:8" ht="13.15" customHeight="1" x14ac:dyDescent="0.15">
      <c r="A799" s="6">
        <v>798</v>
      </c>
      <c r="B799" s="6" t="s">
        <v>2255</v>
      </c>
      <c r="C799" s="6" t="s">
        <v>2256</v>
      </c>
      <c r="D799" s="6" t="s">
        <v>2257</v>
      </c>
      <c r="E799" s="6"/>
      <c r="F799" s="6"/>
      <c r="G799" s="9" t="s">
        <v>2258</v>
      </c>
      <c r="H799" s="10">
        <v>43709</v>
      </c>
    </row>
    <row r="800" spans="1:8" ht="13.15" customHeight="1" x14ac:dyDescent="0.15">
      <c r="A800" s="6">
        <v>799</v>
      </c>
      <c r="B800" s="6" t="s">
        <v>2259</v>
      </c>
      <c r="C800" s="6" t="s">
        <v>2260</v>
      </c>
      <c r="D800" s="6"/>
      <c r="E800" s="6"/>
      <c r="F800" s="6"/>
      <c r="G800" s="9" t="s">
        <v>2046</v>
      </c>
      <c r="H800" s="10">
        <v>43718</v>
      </c>
    </row>
    <row r="801" spans="1:8" ht="13.15" customHeight="1" x14ac:dyDescent="0.15">
      <c r="A801" s="6">
        <v>800</v>
      </c>
      <c r="B801" s="6" t="s">
        <v>2261</v>
      </c>
      <c r="C801" s="6" t="s">
        <v>1296</v>
      </c>
      <c r="D801" s="6" t="s">
        <v>2262</v>
      </c>
      <c r="E801" s="6"/>
      <c r="F801" s="6"/>
      <c r="G801" s="9" t="s">
        <v>2263</v>
      </c>
      <c r="H801" s="10">
        <v>43748</v>
      </c>
    </row>
    <row r="802" spans="1:8" ht="13.15" customHeight="1" x14ac:dyDescent="0.15">
      <c r="A802" s="6">
        <v>801</v>
      </c>
      <c r="B802" s="6" t="s">
        <v>2264</v>
      </c>
      <c r="C802" s="6" t="s">
        <v>1040</v>
      </c>
      <c r="D802" s="6" t="s">
        <v>2265</v>
      </c>
      <c r="E802" s="6" t="s">
        <v>2763</v>
      </c>
      <c r="F802" s="6" t="s">
        <v>2021</v>
      </c>
      <c r="G802" s="9" t="s">
        <v>2266</v>
      </c>
      <c r="H802" s="10">
        <v>43755</v>
      </c>
    </row>
    <row r="803" spans="1:8" ht="13.15" customHeight="1" x14ac:dyDescent="0.15">
      <c r="A803" s="6">
        <v>802</v>
      </c>
      <c r="B803" s="6" t="s">
        <v>2271</v>
      </c>
      <c r="C803" s="6" t="s">
        <v>1040</v>
      </c>
      <c r="D803" s="6" t="s">
        <v>2265</v>
      </c>
      <c r="E803" s="6" t="s">
        <v>2720</v>
      </c>
      <c r="F803" s="6" t="s">
        <v>2272</v>
      </c>
      <c r="G803" s="9" t="s">
        <v>2273</v>
      </c>
      <c r="H803" s="10">
        <v>43755</v>
      </c>
    </row>
    <row r="804" spans="1:8" ht="13.15" customHeight="1" x14ac:dyDescent="0.15">
      <c r="A804" s="6">
        <v>803</v>
      </c>
      <c r="B804" s="6" t="s">
        <v>2267</v>
      </c>
      <c r="C804" s="6" t="s">
        <v>1502</v>
      </c>
      <c r="D804" s="6" t="s">
        <v>2268</v>
      </c>
      <c r="E804" s="6" t="s">
        <v>2776</v>
      </c>
      <c r="F804" s="6" t="s">
        <v>2269</v>
      </c>
      <c r="G804" s="9" t="s">
        <v>2270</v>
      </c>
      <c r="H804" s="10">
        <v>43756</v>
      </c>
    </row>
    <row r="805" spans="1:8" ht="13.15" customHeight="1" x14ac:dyDescent="0.15">
      <c r="A805" s="6">
        <v>804</v>
      </c>
      <c r="B805" s="6" t="s">
        <v>2277</v>
      </c>
      <c r="C805" s="6" t="s">
        <v>2278</v>
      </c>
      <c r="D805" s="6"/>
      <c r="E805" s="6"/>
      <c r="F805" s="6"/>
      <c r="G805" s="9" t="s">
        <v>2279</v>
      </c>
      <c r="H805" s="10">
        <v>43760</v>
      </c>
    </row>
    <row r="806" spans="1:8" ht="13.15" customHeight="1" x14ac:dyDescent="0.15">
      <c r="A806" s="6">
        <v>805</v>
      </c>
      <c r="B806" s="6" t="s">
        <v>2274</v>
      </c>
      <c r="C806" s="6" t="s">
        <v>2275</v>
      </c>
      <c r="D806" s="6"/>
      <c r="E806" s="6"/>
      <c r="F806" s="6"/>
      <c r="G806" s="9" t="s">
        <v>2276</v>
      </c>
      <c r="H806" s="10">
        <v>43770</v>
      </c>
    </row>
    <row r="807" spans="1:8" ht="13.15" customHeight="1" x14ac:dyDescent="0.15">
      <c r="A807" s="6">
        <v>806</v>
      </c>
      <c r="B807" s="6" t="s">
        <v>2280</v>
      </c>
      <c r="C807" s="6" t="s">
        <v>1112</v>
      </c>
      <c r="D807" s="6" t="s">
        <v>2281</v>
      </c>
      <c r="E807" s="6"/>
      <c r="F807" s="6"/>
      <c r="G807" s="9" t="s">
        <v>819</v>
      </c>
      <c r="H807" s="10">
        <v>43773</v>
      </c>
    </row>
    <row r="808" spans="1:8" ht="13.15" customHeight="1" x14ac:dyDescent="0.15">
      <c r="A808" s="6">
        <v>807</v>
      </c>
      <c r="B808" s="6" t="s">
        <v>2282</v>
      </c>
      <c r="C808" s="6" t="s">
        <v>2283</v>
      </c>
      <c r="D808" s="6"/>
      <c r="E808" s="6"/>
      <c r="F808" s="6"/>
      <c r="G808" s="9" t="s">
        <v>2284</v>
      </c>
      <c r="H808" s="10">
        <v>43781</v>
      </c>
    </row>
    <row r="809" spans="1:8" ht="13.15" customHeight="1" x14ac:dyDescent="0.15">
      <c r="A809" s="6">
        <v>808</v>
      </c>
      <c r="B809" s="6" t="s">
        <v>2285</v>
      </c>
      <c r="C809" s="6" t="s">
        <v>2286</v>
      </c>
      <c r="D809" s="6"/>
      <c r="E809" s="6"/>
      <c r="F809" s="6"/>
      <c r="G809" s="9" t="s">
        <v>2287</v>
      </c>
      <c r="H809" s="10">
        <v>43798</v>
      </c>
    </row>
    <row r="810" spans="1:8" ht="13.15" customHeight="1" x14ac:dyDescent="0.15">
      <c r="A810" s="6">
        <v>809</v>
      </c>
      <c r="B810" s="6" t="s">
        <v>2293</v>
      </c>
      <c r="C810" s="6" t="s">
        <v>2294</v>
      </c>
      <c r="D810" s="6"/>
      <c r="E810" s="6"/>
      <c r="F810" s="6"/>
      <c r="G810" s="9" t="s">
        <v>2295</v>
      </c>
      <c r="H810" s="10">
        <v>43820</v>
      </c>
    </row>
    <row r="811" spans="1:8" ht="13.15" customHeight="1" x14ac:dyDescent="0.15">
      <c r="A811" s="6">
        <v>810</v>
      </c>
      <c r="B811" s="6" t="s">
        <v>2063</v>
      </c>
      <c r="C811" s="6" t="s">
        <v>2064</v>
      </c>
      <c r="D811" s="6" t="s">
        <v>2065</v>
      </c>
      <c r="E811" s="6"/>
      <c r="F811" s="6"/>
      <c r="G811" s="9" t="s">
        <v>1861</v>
      </c>
      <c r="H811" s="10">
        <v>43829</v>
      </c>
    </row>
    <row r="812" spans="1:8" ht="13.15" customHeight="1" x14ac:dyDescent="0.15">
      <c r="A812" s="6">
        <v>811</v>
      </c>
      <c r="B812" s="6" t="s">
        <v>1051</v>
      </c>
      <c r="C812" s="6" t="s">
        <v>2288</v>
      </c>
      <c r="D812" s="6"/>
      <c r="E812" s="6"/>
      <c r="F812" s="6"/>
      <c r="G812" s="9" t="s">
        <v>2289</v>
      </c>
      <c r="H812" s="10">
        <v>43831</v>
      </c>
    </row>
    <row r="813" spans="1:8" ht="13.15" customHeight="1" x14ac:dyDescent="0.15">
      <c r="A813" s="6">
        <v>812</v>
      </c>
      <c r="B813" s="6" t="s">
        <v>528</v>
      </c>
      <c r="C813" s="6" t="s">
        <v>1226</v>
      </c>
      <c r="D813" s="6"/>
      <c r="E813" s="6"/>
      <c r="F813" s="6"/>
      <c r="G813" s="9" t="s">
        <v>2296</v>
      </c>
      <c r="H813" s="10">
        <v>43831</v>
      </c>
    </row>
    <row r="814" spans="1:8" ht="13.15" customHeight="1" x14ac:dyDescent="0.15">
      <c r="A814" s="6">
        <v>813</v>
      </c>
      <c r="B814" s="6" t="s">
        <v>2290</v>
      </c>
      <c r="C814" s="6" t="s">
        <v>2291</v>
      </c>
      <c r="D814" s="6"/>
      <c r="E814" s="6"/>
      <c r="F814" s="6"/>
      <c r="G814" s="9" t="s">
        <v>2292</v>
      </c>
      <c r="H814" s="10">
        <v>43836</v>
      </c>
    </row>
    <row r="815" spans="1:8" ht="13.15" customHeight="1" x14ac:dyDescent="0.15">
      <c r="A815" s="6">
        <v>814</v>
      </c>
      <c r="B815" s="6" t="s">
        <v>390</v>
      </c>
      <c r="C815" s="6" t="s">
        <v>2301</v>
      </c>
      <c r="D815" s="6"/>
      <c r="E815" s="6"/>
      <c r="F815" s="6"/>
      <c r="G815" s="9" t="s">
        <v>2302</v>
      </c>
      <c r="H815" s="10">
        <v>43851</v>
      </c>
    </row>
    <row r="816" spans="1:8" ht="13.15" customHeight="1" x14ac:dyDescent="0.15">
      <c r="A816" s="6">
        <v>815</v>
      </c>
      <c r="B816" s="6" t="s">
        <v>2297</v>
      </c>
      <c r="C816" s="6" t="s">
        <v>2298</v>
      </c>
      <c r="D816" s="6" t="s">
        <v>2299</v>
      </c>
      <c r="E816" s="6"/>
      <c r="F816" s="6"/>
      <c r="G816" s="9" t="s">
        <v>2300</v>
      </c>
      <c r="H816" s="10">
        <v>43852</v>
      </c>
    </row>
    <row r="817" spans="1:8" ht="13.15" customHeight="1" x14ac:dyDescent="0.15">
      <c r="A817" s="6">
        <v>816</v>
      </c>
      <c r="B817" s="6" t="s">
        <v>2303</v>
      </c>
      <c r="C817" s="6" t="s">
        <v>2304</v>
      </c>
      <c r="D817" s="6"/>
      <c r="E817" s="6"/>
      <c r="F817" s="6"/>
      <c r="G817" s="9" t="s">
        <v>2305</v>
      </c>
      <c r="H817" s="10">
        <v>43855</v>
      </c>
    </row>
    <row r="818" spans="1:8" ht="13.15" customHeight="1" x14ac:dyDescent="0.15">
      <c r="A818" s="6">
        <v>817</v>
      </c>
      <c r="B818" s="6" t="s">
        <v>2306</v>
      </c>
      <c r="C818" s="6" t="s">
        <v>2423</v>
      </c>
      <c r="D818" s="6"/>
      <c r="E818" s="6"/>
      <c r="F818" s="6"/>
      <c r="G818" s="9" t="s">
        <v>2307</v>
      </c>
      <c r="H818" s="10">
        <v>43862</v>
      </c>
    </row>
    <row r="819" spans="1:8" ht="13.15" customHeight="1" x14ac:dyDescent="0.15">
      <c r="A819" s="6">
        <v>818</v>
      </c>
      <c r="B819" s="6" t="s">
        <v>2801</v>
      </c>
      <c r="C819" s="6" t="s">
        <v>2308</v>
      </c>
      <c r="D819" s="6" t="s">
        <v>2309</v>
      </c>
      <c r="E819" s="6"/>
      <c r="F819" s="6"/>
      <c r="G819" s="9" t="s">
        <v>2105</v>
      </c>
      <c r="H819" s="10">
        <v>43863</v>
      </c>
    </row>
    <row r="820" spans="1:8" ht="13.15" customHeight="1" x14ac:dyDescent="0.15">
      <c r="A820" s="6">
        <v>819</v>
      </c>
      <c r="B820" s="6" t="s">
        <v>2315</v>
      </c>
      <c r="C820" s="6" t="s">
        <v>2316</v>
      </c>
      <c r="D820" s="6" t="s">
        <v>2323</v>
      </c>
      <c r="E820" s="6"/>
      <c r="F820" s="6"/>
      <c r="G820" s="9" t="s">
        <v>2311</v>
      </c>
      <c r="H820" s="13">
        <v>43888</v>
      </c>
    </row>
    <row r="821" spans="1:8" ht="13.15" customHeight="1" x14ac:dyDescent="0.15">
      <c r="A821" s="6">
        <v>820</v>
      </c>
      <c r="B821" s="6" t="s">
        <v>2317</v>
      </c>
      <c r="C821" s="6" t="s">
        <v>2318</v>
      </c>
      <c r="D821" s="6" t="s">
        <v>2319</v>
      </c>
      <c r="E821" s="6"/>
      <c r="F821" s="6"/>
      <c r="G821" s="9" t="s">
        <v>2320</v>
      </c>
      <c r="H821" s="13">
        <v>43891</v>
      </c>
    </row>
    <row r="822" spans="1:8" ht="13.15" customHeight="1" x14ac:dyDescent="0.15">
      <c r="A822" s="6">
        <v>821</v>
      </c>
      <c r="B822" s="6" t="s">
        <v>2321</v>
      </c>
      <c r="C822" s="6" t="s">
        <v>2322</v>
      </c>
      <c r="D822" s="6"/>
      <c r="E822" s="6"/>
      <c r="F822" s="6"/>
      <c r="G822" s="9" t="s">
        <v>2324</v>
      </c>
      <c r="H822" s="13">
        <v>43891</v>
      </c>
    </row>
    <row r="823" spans="1:8" ht="13.15" customHeight="1" x14ac:dyDescent="0.15">
      <c r="A823" s="6">
        <v>822</v>
      </c>
      <c r="B823" s="6" t="s">
        <v>2314</v>
      </c>
      <c r="C823" s="6" t="s">
        <v>2312</v>
      </c>
      <c r="D823" s="6"/>
      <c r="E823" s="6"/>
      <c r="F823" s="6"/>
      <c r="G823" s="9" t="s">
        <v>2313</v>
      </c>
      <c r="H823" s="13">
        <v>43907</v>
      </c>
    </row>
    <row r="824" spans="1:8" ht="13.15" customHeight="1" x14ac:dyDescent="0.15">
      <c r="A824" s="6">
        <v>823</v>
      </c>
      <c r="B824" s="6" t="s">
        <v>2328</v>
      </c>
      <c r="C824" s="6" t="s">
        <v>2329</v>
      </c>
      <c r="D824" s="6"/>
      <c r="E824" s="6"/>
      <c r="F824" s="6"/>
      <c r="G824" s="9" t="s">
        <v>2330</v>
      </c>
      <c r="H824" s="13">
        <v>43915</v>
      </c>
    </row>
    <row r="825" spans="1:8" ht="13.15" customHeight="1" x14ac:dyDescent="0.15">
      <c r="A825" s="6">
        <v>824</v>
      </c>
      <c r="B825" s="6" t="s">
        <v>2331</v>
      </c>
      <c r="C825" s="6" t="s">
        <v>2333</v>
      </c>
      <c r="D825" s="6"/>
      <c r="E825" s="6"/>
      <c r="F825" s="6"/>
      <c r="G825" s="9" t="s">
        <v>2332</v>
      </c>
      <c r="H825" s="13">
        <v>43919</v>
      </c>
    </row>
    <row r="826" spans="1:8" ht="13.15" customHeight="1" x14ac:dyDescent="0.15">
      <c r="A826" s="6">
        <v>825</v>
      </c>
      <c r="B826" s="6" t="s">
        <v>2327</v>
      </c>
      <c r="C826" s="6" t="s">
        <v>2325</v>
      </c>
      <c r="D826" s="6"/>
      <c r="E826" s="6"/>
      <c r="F826" s="6"/>
      <c r="G826" s="9" t="s">
        <v>2326</v>
      </c>
      <c r="H826" s="13">
        <v>43922</v>
      </c>
    </row>
    <row r="827" spans="1:8" ht="13.15" customHeight="1" x14ac:dyDescent="0.15">
      <c r="A827" s="6">
        <v>826</v>
      </c>
      <c r="B827" s="6" t="s">
        <v>2334</v>
      </c>
      <c r="C827" s="6" t="s">
        <v>2335</v>
      </c>
      <c r="D827" s="6"/>
      <c r="E827" s="6"/>
      <c r="F827" s="6"/>
      <c r="G827" s="9" t="s">
        <v>2336</v>
      </c>
      <c r="H827" s="13">
        <v>43926</v>
      </c>
    </row>
    <row r="828" spans="1:8" ht="13.15" customHeight="1" x14ac:dyDescent="0.15">
      <c r="A828" s="6">
        <v>827</v>
      </c>
      <c r="B828" s="6" t="s">
        <v>2337</v>
      </c>
      <c r="C828" s="6" t="s">
        <v>2338</v>
      </c>
      <c r="D828" s="6"/>
      <c r="E828" s="6"/>
      <c r="F828" s="6"/>
      <c r="G828" s="9" t="s">
        <v>2339</v>
      </c>
      <c r="H828" s="13">
        <v>43957</v>
      </c>
    </row>
    <row r="829" spans="1:8" ht="13.15" customHeight="1" x14ac:dyDescent="0.15">
      <c r="A829" s="6">
        <v>828</v>
      </c>
      <c r="B829" s="6" t="s">
        <v>2340</v>
      </c>
      <c r="C829" s="6" t="s">
        <v>2354</v>
      </c>
      <c r="D829" s="6"/>
      <c r="E829" s="6"/>
      <c r="F829" s="6"/>
      <c r="G829" s="9" t="s">
        <v>2341</v>
      </c>
      <c r="H829" s="13">
        <v>43963</v>
      </c>
    </row>
    <row r="830" spans="1:8" ht="13.15" customHeight="1" x14ac:dyDescent="0.15">
      <c r="A830" s="6">
        <v>829</v>
      </c>
      <c r="B830" s="6" t="s">
        <v>2654</v>
      </c>
      <c r="C830" s="6" t="s">
        <v>2352</v>
      </c>
      <c r="D830" s="6" t="s">
        <v>2353</v>
      </c>
      <c r="E830" s="6"/>
      <c r="F830" s="6"/>
      <c r="G830" s="9" t="s">
        <v>2342</v>
      </c>
      <c r="H830" s="13">
        <v>43958</v>
      </c>
    </row>
    <row r="831" spans="1:8" ht="13.15" customHeight="1" x14ac:dyDescent="0.15">
      <c r="A831" s="6">
        <v>830</v>
      </c>
      <c r="B831" s="6" t="s">
        <v>2343</v>
      </c>
      <c r="C831" s="6" t="s">
        <v>2344</v>
      </c>
      <c r="D831" s="6"/>
      <c r="E831" s="6"/>
      <c r="F831" s="6"/>
      <c r="G831" s="9" t="s">
        <v>2345</v>
      </c>
      <c r="H831" s="13">
        <v>43951</v>
      </c>
    </row>
    <row r="832" spans="1:8" ht="13.15" customHeight="1" x14ac:dyDescent="0.15">
      <c r="A832" s="6">
        <v>831</v>
      </c>
      <c r="B832" s="6" t="s">
        <v>2346</v>
      </c>
      <c r="C832" s="6" t="s">
        <v>2347</v>
      </c>
      <c r="D832" s="6"/>
      <c r="E832" s="6"/>
      <c r="F832" s="6"/>
      <c r="G832" s="9" t="s">
        <v>2348</v>
      </c>
      <c r="H832" s="13">
        <v>43951</v>
      </c>
    </row>
    <row r="833" spans="1:8" ht="13.15" customHeight="1" x14ac:dyDescent="0.15">
      <c r="A833" s="6">
        <v>832</v>
      </c>
      <c r="B833" s="6" t="s">
        <v>2355</v>
      </c>
      <c r="C833" s="6" t="s">
        <v>2349</v>
      </c>
      <c r="D833" s="6"/>
      <c r="E833" s="6" t="s">
        <v>2777</v>
      </c>
      <c r="F833" s="6" t="s">
        <v>2350</v>
      </c>
      <c r="G833" s="9" t="s">
        <v>2351</v>
      </c>
      <c r="H833" s="13">
        <v>43951</v>
      </c>
    </row>
    <row r="834" spans="1:8" ht="13.15" customHeight="1" x14ac:dyDescent="0.15">
      <c r="A834" s="6">
        <v>833</v>
      </c>
      <c r="B834" s="6" t="s">
        <v>2359</v>
      </c>
      <c r="C834" s="6" t="s">
        <v>2360</v>
      </c>
      <c r="D834" s="6"/>
      <c r="E834" s="6"/>
      <c r="F834" s="6"/>
      <c r="G834" s="9" t="s">
        <v>2361</v>
      </c>
      <c r="H834" s="13">
        <v>43967</v>
      </c>
    </row>
    <row r="835" spans="1:8" ht="13.15" customHeight="1" x14ac:dyDescent="0.15">
      <c r="A835" s="6">
        <v>834</v>
      </c>
      <c r="B835" s="6" t="s">
        <v>2365</v>
      </c>
      <c r="C835" s="6" t="s">
        <v>2363</v>
      </c>
      <c r="D835" s="6"/>
      <c r="E835" s="6"/>
      <c r="F835" s="6"/>
      <c r="G835" s="9" t="s">
        <v>2364</v>
      </c>
      <c r="H835" s="13">
        <v>43975</v>
      </c>
    </row>
    <row r="836" spans="1:8" ht="13.15" customHeight="1" x14ac:dyDescent="0.15">
      <c r="A836" s="6">
        <v>835</v>
      </c>
      <c r="B836" s="6" t="s">
        <v>2366</v>
      </c>
      <c r="C836" s="6" t="s">
        <v>2367</v>
      </c>
      <c r="D836" s="6"/>
      <c r="E836" s="6"/>
      <c r="F836" s="6"/>
      <c r="G836" s="9" t="s">
        <v>2368</v>
      </c>
      <c r="H836" s="13">
        <v>43983</v>
      </c>
    </row>
    <row r="837" spans="1:8" ht="13.15" customHeight="1" x14ac:dyDescent="0.15">
      <c r="A837" s="6">
        <v>836</v>
      </c>
      <c r="B837" s="6" t="s">
        <v>2369</v>
      </c>
      <c r="C837" s="6" t="s">
        <v>2370</v>
      </c>
      <c r="D837" s="6"/>
      <c r="E837" s="6"/>
      <c r="F837" s="6"/>
      <c r="G837" s="9" t="s">
        <v>2371</v>
      </c>
      <c r="H837" s="13">
        <v>43987</v>
      </c>
    </row>
    <row r="838" spans="1:8" ht="13.15" customHeight="1" x14ac:dyDescent="0.15">
      <c r="A838" s="6">
        <v>837</v>
      </c>
      <c r="B838" s="6" t="s">
        <v>2372</v>
      </c>
      <c r="C838" s="6" t="s">
        <v>2373</v>
      </c>
      <c r="D838" s="6"/>
      <c r="E838" s="6"/>
      <c r="F838" s="6"/>
      <c r="G838" s="9" t="s">
        <v>2374</v>
      </c>
      <c r="H838" s="13">
        <v>43981</v>
      </c>
    </row>
    <row r="839" spans="1:8" ht="13.15" customHeight="1" x14ac:dyDescent="0.15">
      <c r="A839" s="6">
        <v>838</v>
      </c>
      <c r="B839" s="6" t="s">
        <v>2381</v>
      </c>
      <c r="C839" s="6" t="s">
        <v>2382</v>
      </c>
      <c r="D839" s="6" t="s">
        <v>2383</v>
      </c>
      <c r="E839" s="6"/>
      <c r="F839" s="6"/>
      <c r="G839" s="9">
        <v>876</v>
      </c>
      <c r="H839" s="13">
        <v>43987</v>
      </c>
    </row>
    <row r="840" spans="1:8" ht="13.15" customHeight="1" x14ac:dyDescent="0.15">
      <c r="A840" s="6">
        <v>839</v>
      </c>
      <c r="B840" s="6" t="s">
        <v>2384</v>
      </c>
      <c r="C840" s="6" t="s">
        <v>2385</v>
      </c>
      <c r="D840" s="6" t="s">
        <v>2386</v>
      </c>
      <c r="E840" s="6"/>
      <c r="F840" s="6"/>
      <c r="G840" s="9">
        <v>877</v>
      </c>
      <c r="H840" s="13">
        <v>43993</v>
      </c>
    </row>
    <row r="841" spans="1:8" ht="13.15" customHeight="1" x14ac:dyDescent="0.15">
      <c r="A841" s="6">
        <v>840</v>
      </c>
      <c r="B841" s="6" t="s">
        <v>2387</v>
      </c>
      <c r="C841" s="6" t="s">
        <v>2388</v>
      </c>
      <c r="D841" s="6"/>
      <c r="E841" s="6"/>
      <c r="F841" s="6"/>
      <c r="G841" s="9">
        <v>878</v>
      </c>
      <c r="H841" s="13">
        <v>44002</v>
      </c>
    </row>
    <row r="842" spans="1:8" ht="13.15" customHeight="1" x14ac:dyDescent="0.15">
      <c r="A842" s="6">
        <v>841</v>
      </c>
      <c r="B842" s="6" t="s">
        <v>2389</v>
      </c>
      <c r="C842" s="6" t="s">
        <v>2390</v>
      </c>
      <c r="D842" s="6"/>
      <c r="E842" s="6"/>
      <c r="F842" s="6"/>
      <c r="G842" s="9">
        <v>879</v>
      </c>
      <c r="H842" s="13">
        <v>43997</v>
      </c>
    </row>
    <row r="843" spans="1:8" ht="13.15" customHeight="1" x14ac:dyDescent="0.15">
      <c r="A843" s="6">
        <v>842</v>
      </c>
      <c r="B843" s="6" t="s">
        <v>2963</v>
      </c>
      <c r="C843" s="6" t="s">
        <v>2391</v>
      </c>
      <c r="D843" s="6"/>
      <c r="E843" s="6"/>
      <c r="F843" s="6"/>
      <c r="G843" s="9">
        <v>880</v>
      </c>
      <c r="H843" s="13">
        <v>44019</v>
      </c>
    </row>
    <row r="844" spans="1:8" ht="13.15" customHeight="1" x14ac:dyDescent="0.15">
      <c r="A844" s="6">
        <v>843</v>
      </c>
      <c r="B844" s="6" t="s">
        <v>2392</v>
      </c>
      <c r="C844" s="6" t="s">
        <v>2393</v>
      </c>
      <c r="D844" s="6" t="s">
        <v>2394</v>
      </c>
      <c r="E844" s="6" t="s">
        <v>2721</v>
      </c>
      <c r="F844" s="6" t="s">
        <v>2395</v>
      </c>
      <c r="G844" s="9">
        <v>881</v>
      </c>
      <c r="H844" s="13">
        <v>44013</v>
      </c>
    </row>
    <row r="845" spans="1:8" ht="13.15" customHeight="1" x14ac:dyDescent="0.15">
      <c r="A845" s="6">
        <v>844</v>
      </c>
      <c r="B845" s="6" t="s">
        <v>2982</v>
      </c>
      <c r="C845" s="6" t="s">
        <v>2396</v>
      </c>
      <c r="D845" s="6"/>
      <c r="E845" s="6"/>
      <c r="F845" s="6"/>
      <c r="G845" s="9">
        <v>882</v>
      </c>
      <c r="H845" s="13">
        <v>44027</v>
      </c>
    </row>
    <row r="846" spans="1:8" ht="13.15" customHeight="1" x14ac:dyDescent="0.15">
      <c r="A846" s="6">
        <v>845</v>
      </c>
      <c r="B846" s="6" t="s">
        <v>2397</v>
      </c>
      <c r="C846" s="6" t="s">
        <v>2398</v>
      </c>
      <c r="D846" s="6"/>
      <c r="E846" s="6"/>
      <c r="F846" s="6"/>
      <c r="G846" s="9">
        <v>883</v>
      </c>
      <c r="H846" s="13">
        <v>44027</v>
      </c>
    </row>
    <row r="847" spans="1:8" ht="13.15" customHeight="1" x14ac:dyDescent="0.15">
      <c r="A847" s="6">
        <v>846</v>
      </c>
      <c r="B847" s="6" t="s">
        <v>2399</v>
      </c>
      <c r="C847" s="6" t="s">
        <v>2400</v>
      </c>
      <c r="D847" s="6"/>
      <c r="E847" s="6"/>
      <c r="F847" s="6"/>
      <c r="G847" s="9">
        <v>884</v>
      </c>
      <c r="H847" s="13">
        <v>44029</v>
      </c>
    </row>
    <row r="848" spans="1:8" ht="13.15" customHeight="1" x14ac:dyDescent="0.15">
      <c r="A848" s="6">
        <v>847</v>
      </c>
      <c r="B848" s="6" t="s">
        <v>2802</v>
      </c>
      <c r="C848" s="6" t="s">
        <v>2403</v>
      </c>
      <c r="D848" s="6"/>
      <c r="E848" s="6"/>
      <c r="F848" s="6"/>
      <c r="G848" s="9">
        <v>885</v>
      </c>
      <c r="H848" s="13">
        <v>44044</v>
      </c>
    </row>
    <row r="849" spans="1:8" ht="13.15" customHeight="1" x14ac:dyDescent="0.15">
      <c r="A849" s="6">
        <v>848</v>
      </c>
      <c r="B849" s="6" t="s">
        <v>2407</v>
      </c>
      <c r="C849" s="6" t="s">
        <v>2408</v>
      </c>
      <c r="D849" s="6"/>
      <c r="E849" s="6" t="s">
        <v>2406</v>
      </c>
      <c r="F849" s="6" t="s">
        <v>2013</v>
      </c>
      <c r="G849" s="9">
        <v>887</v>
      </c>
      <c r="H849" s="10">
        <v>44070</v>
      </c>
    </row>
    <row r="850" spans="1:8" ht="13.15" customHeight="1" x14ac:dyDescent="0.15">
      <c r="A850" s="6">
        <v>849</v>
      </c>
      <c r="B850" s="6" t="s">
        <v>2409</v>
      </c>
      <c r="C850" s="6" t="s">
        <v>2410</v>
      </c>
      <c r="D850" s="6"/>
      <c r="E850" s="6"/>
      <c r="F850" s="6"/>
      <c r="G850" s="9">
        <v>888</v>
      </c>
      <c r="H850" s="13">
        <v>44076</v>
      </c>
    </row>
    <row r="851" spans="1:8" ht="13.15" customHeight="1" x14ac:dyDescent="0.15">
      <c r="A851" s="6">
        <v>850</v>
      </c>
      <c r="B851" s="6" t="s">
        <v>2417</v>
      </c>
      <c r="C851" s="6" t="s">
        <v>1650</v>
      </c>
      <c r="D851" s="6"/>
      <c r="E851" s="6" t="s">
        <v>2722</v>
      </c>
      <c r="F851" s="6" t="s">
        <v>1651</v>
      </c>
      <c r="G851" s="9">
        <v>889</v>
      </c>
      <c r="H851" s="10">
        <v>44083</v>
      </c>
    </row>
    <row r="852" spans="1:8" ht="13.15" customHeight="1" x14ac:dyDescent="0.15">
      <c r="A852" s="6">
        <v>851</v>
      </c>
      <c r="B852" s="6" t="s">
        <v>2418</v>
      </c>
      <c r="C852" s="6" t="s">
        <v>2413</v>
      </c>
      <c r="D852" s="6"/>
      <c r="E852" s="6"/>
      <c r="F852" s="6"/>
      <c r="G852" s="9">
        <v>890</v>
      </c>
      <c r="H852" s="10">
        <v>44084</v>
      </c>
    </row>
    <row r="853" spans="1:8" ht="13.15" customHeight="1" x14ac:dyDescent="0.15">
      <c r="A853" s="6">
        <v>852</v>
      </c>
      <c r="B853" s="6" t="s">
        <v>2419</v>
      </c>
      <c r="C853" s="6" t="s">
        <v>2416</v>
      </c>
      <c r="D853" s="6"/>
      <c r="E853" s="6"/>
      <c r="F853" s="6"/>
      <c r="G853" s="9">
        <v>891</v>
      </c>
      <c r="H853" s="13">
        <v>44094</v>
      </c>
    </row>
    <row r="854" spans="1:8" ht="13.15" customHeight="1" x14ac:dyDescent="0.15">
      <c r="A854" s="6">
        <v>853</v>
      </c>
      <c r="B854" s="6" t="s">
        <v>728</v>
      </c>
      <c r="C854" s="6" t="s">
        <v>2427</v>
      </c>
      <c r="D854" s="6"/>
      <c r="E854" s="6"/>
      <c r="F854" s="6"/>
      <c r="G854" s="9">
        <v>892</v>
      </c>
      <c r="H854" s="13">
        <v>44100</v>
      </c>
    </row>
    <row r="855" spans="1:8" ht="13.15" customHeight="1" x14ac:dyDescent="0.15">
      <c r="A855" s="6">
        <v>854</v>
      </c>
      <c r="B855" s="6" t="s">
        <v>2428</v>
      </c>
      <c r="C855" s="6" t="s">
        <v>2429</v>
      </c>
      <c r="D855" s="6"/>
      <c r="E855" s="6" t="s">
        <v>2723</v>
      </c>
      <c r="F855" s="6" t="s">
        <v>2430</v>
      </c>
      <c r="G855" s="9">
        <v>893</v>
      </c>
      <c r="H855" s="13">
        <v>44106</v>
      </c>
    </row>
    <row r="856" spans="1:8" ht="13.15" customHeight="1" x14ac:dyDescent="0.15">
      <c r="A856" s="6">
        <v>855</v>
      </c>
      <c r="B856" s="6" t="s">
        <v>2431</v>
      </c>
      <c r="C856" s="6" t="s">
        <v>2432</v>
      </c>
      <c r="D856" s="6"/>
      <c r="E856" s="6"/>
      <c r="F856" s="6"/>
      <c r="G856" s="9">
        <v>894</v>
      </c>
      <c r="H856" s="13">
        <v>44118</v>
      </c>
    </row>
    <row r="857" spans="1:8" ht="13.15" customHeight="1" x14ac:dyDescent="0.15">
      <c r="A857" s="6">
        <v>856</v>
      </c>
      <c r="B857" s="6" t="s">
        <v>2433</v>
      </c>
      <c r="C857" s="6" t="s">
        <v>2434</v>
      </c>
      <c r="D857" s="6" t="s">
        <v>2435</v>
      </c>
      <c r="E857" s="6"/>
      <c r="F857" s="6"/>
      <c r="G857" s="9">
        <v>895</v>
      </c>
      <c r="H857" s="13">
        <v>44119</v>
      </c>
    </row>
    <row r="858" spans="1:8" ht="13.15" customHeight="1" x14ac:dyDescent="0.15">
      <c r="A858" s="6">
        <v>857</v>
      </c>
      <c r="B858" s="6" t="s">
        <v>1587</v>
      </c>
      <c r="C858" s="6" t="s">
        <v>1588</v>
      </c>
      <c r="D858" s="6" t="s">
        <v>2437</v>
      </c>
      <c r="E858" s="6" t="s">
        <v>2778</v>
      </c>
      <c r="F858" s="6" t="s">
        <v>2436</v>
      </c>
      <c r="G858" s="9">
        <v>896</v>
      </c>
      <c r="H858" s="13">
        <v>44123</v>
      </c>
    </row>
    <row r="859" spans="1:8" ht="13.15" customHeight="1" x14ac:dyDescent="0.15">
      <c r="A859" s="6">
        <v>858</v>
      </c>
      <c r="B859" s="6" t="s">
        <v>2438</v>
      </c>
      <c r="C859" s="6" t="s">
        <v>773</v>
      </c>
      <c r="D859" s="6"/>
      <c r="E859" s="6" t="s">
        <v>2724</v>
      </c>
      <c r="F859" s="6" t="s">
        <v>773</v>
      </c>
      <c r="G859" s="9">
        <v>897</v>
      </c>
      <c r="H859" s="10">
        <v>44121</v>
      </c>
    </row>
    <row r="860" spans="1:8" ht="13.15" customHeight="1" x14ac:dyDescent="0.15">
      <c r="A860" s="6">
        <v>859</v>
      </c>
      <c r="B860" s="6" t="s">
        <v>2441</v>
      </c>
      <c r="C860" s="15" t="s">
        <v>2443</v>
      </c>
      <c r="D860" s="6" t="s">
        <v>2394</v>
      </c>
      <c r="E860" s="6" t="s">
        <v>2442</v>
      </c>
      <c r="F860" s="6" t="s">
        <v>2443</v>
      </c>
      <c r="G860" s="9">
        <v>900</v>
      </c>
      <c r="H860" s="13">
        <v>44128</v>
      </c>
    </row>
    <row r="861" spans="1:8" ht="13.15" customHeight="1" x14ac:dyDescent="0.15">
      <c r="A861" s="6">
        <v>860</v>
      </c>
      <c r="B861" s="6" t="s">
        <v>2447</v>
      </c>
      <c r="C861" s="6" t="s">
        <v>2445</v>
      </c>
      <c r="D861" s="6" t="s">
        <v>2446</v>
      </c>
      <c r="E861" s="6"/>
      <c r="F861" s="6"/>
      <c r="G861" s="9">
        <v>901</v>
      </c>
      <c r="H861" s="13">
        <v>44136</v>
      </c>
    </row>
    <row r="862" spans="1:8" ht="13.15" customHeight="1" x14ac:dyDescent="0.15">
      <c r="A862" s="6">
        <v>861</v>
      </c>
      <c r="B862" s="6" t="s">
        <v>2449</v>
      </c>
      <c r="C862" s="6" t="s">
        <v>2448</v>
      </c>
      <c r="D862" s="6"/>
      <c r="E862" s="6"/>
      <c r="F862" s="6"/>
      <c r="G862" s="9">
        <v>902</v>
      </c>
      <c r="H862" s="13">
        <v>44142</v>
      </c>
    </row>
    <row r="863" spans="1:8" ht="13.15" customHeight="1" x14ac:dyDescent="0.15">
      <c r="A863" s="6">
        <v>862</v>
      </c>
      <c r="B863" s="6" t="s">
        <v>2451</v>
      </c>
      <c r="C863" s="6" t="s">
        <v>2452</v>
      </c>
      <c r="D863" s="6" t="s">
        <v>2453</v>
      </c>
      <c r="E863" s="6"/>
      <c r="F863" s="6"/>
      <c r="G863" s="9">
        <v>903</v>
      </c>
      <c r="H863" s="13">
        <v>44160</v>
      </c>
    </row>
    <row r="864" spans="1:8" ht="13.15" customHeight="1" x14ac:dyDescent="0.15">
      <c r="A864" s="6">
        <v>863</v>
      </c>
      <c r="B864" s="6" t="s">
        <v>2456</v>
      </c>
      <c r="C864" s="6" t="s">
        <v>2457</v>
      </c>
      <c r="D864" s="6"/>
      <c r="E864" s="6"/>
      <c r="F864" s="6"/>
      <c r="G864" s="9">
        <v>905</v>
      </c>
      <c r="H864" s="13">
        <v>44175</v>
      </c>
    </row>
    <row r="865" spans="1:8" ht="13.15" customHeight="1" x14ac:dyDescent="0.15">
      <c r="A865" s="6">
        <v>864</v>
      </c>
      <c r="B865" s="6" t="s">
        <v>2459</v>
      </c>
      <c r="C865" s="6" t="s">
        <v>2460</v>
      </c>
      <c r="D865" s="6" t="s">
        <v>2461</v>
      </c>
      <c r="E865" s="6"/>
      <c r="F865" s="6"/>
      <c r="G865" s="9">
        <v>906</v>
      </c>
      <c r="H865" s="13">
        <v>44175</v>
      </c>
    </row>
    <row r="866" spans="1:8" ht="13.15" customHeight="1" x14ac:dyDescent="0.15">
      <c r="A866" s="6">
        <v>865</v>
      </c>
      <c r="B866" s="6" t="s">
        <v>2462</v>
      </c>
      <c r="C866" s="6" t="s">
        <v>2463</v>
      </c>
      <c r="D866" s="6"/>
      <c r="E866" s="6" t="s">
        <v>2779</v>
      </c>
      <c r="F866" s="6" t="s">
        <v>2464</v>
      </c>
      <c r="G866" s="9">
        <v>907</v>
      </c>
      <c r="H866" s="13">
        <v>44175</v>
      </c>
    </row>
    <row r="867" spans="1:8" ht="13.15" customHeight="1" x14ac:dyDescent="0.15">
      <c r="A867" s="6">
        <v>866</v>
      </c>
      <c r="B867" s="6" t="s">
        <v>2466</v>
      </c>
      <c r="C867" s="6" t="s">
        <v>2465</v>
      </c>
      <c r="D867" s="6"/>
      <c r="E867" s="6"/>
      <c r="F867" s="6"/>
      <c r="G867" s="9">
        <v>908</v>
      </c>
      <c r="H867" s="13">
        <v>44183</v>
      </c>
    </row>
    <row r="868" spans="1:8" ht="13.15" customHeight="1" x14ac:dyDescent="0.15">
      <c r="A868" s="6">
        <v>867</v>
      </c>
      <c r="B868" s="6" t="s">
        <v>2471</v>
      </c>
      <c r="C868" s="6" t="s">
        <v>2468</v>
      </c>
      <c r="D868" s="6" t="s">
        <v>2469</v>
      </c>
      <c r="E868" s="6" t="s">
        <v>2780</v>
      </c>
      <c r="F868" s="6" t="s">
        <v>2470</v>
      </c>
      <c r="G868" s="9">
        <v>910</v>
      </c>
      <c r="H868" s="13">
        <v>44211</v>
      </c>
    </row>
    <row r="869" spans="1:8" ht="13.15" customHeight="1" x14ac:dyDescent="0.15">
      <c r="A869" s="6">
        <v>868</v>
      </c>
      <c r="B869" s="6" t="s">
        <v>2477</v>
      </c>
      <c r="C869" s="6" t="s">
        <v>2474</v>
      </c>
      <c r="D869" s="6"/>
      <c r="E869" s="6"/>
      <c r="F869" s="6"/>
      <c r="G869" s="9">
        <v>911</v>
      </c>
      <c r="H869" s="13">
        <v>44229</v>
      </c>
    </row>
    <row r="870" spans="1:8" ht="13.15" customHeight="1" x14ac:dyDescent="0.15">
      <c r="A870" s="6">
        <v>869</v>
      </c>
      <c r="B870" s="6" t="s">
        <v>2479</v>
      </c>
      <c r="C870" s="6" t="s">
        <v>2475</v>
      </c>
      <c r="D870" s="6"/>
      <c r="E870" s="6"/>
      <c r="F870" s="6"/>
      <c r="G870" s="9">
        <v>912</v>
      </c>
      <c r="H870" s="13">
        <v>44228</v>
      </c>
    </row>
    <row r="871" spans="1:8" ht="13.15" customHeight="1" x14ac:dyDescent="0.15">
      <c r="A871" s="6">
        <v>870</v>
      </c>
      <c r="B871" s="6" t="s">
        <v>2478</v>
      </c>
      <c r="C871" s="6" t="s">
        <v>2476</v>
      </c>
      <c r="D871" s="6"/>
      <c r="E871" s="6"/>
      <c r="F871" s="6"/>
      <c r="G871" s="9">
        <v>913</v>
      </c>
      <c r="H871" s="13">
        <v>44230</v>
      </c>
    </row>
    <row r="872" spans="1:8" ht="13.15" customHeight="1" x14ac:dyDescent="0.15">
      <c r="A872" s="6">
        <v>871</v>
      </c>
      <c r="B872" s="6" t="s">
        <v>2482</v>
      </c>
      <c r="C872" s="6" t="s">
        <v>2480</v>
      </c>
      <c r="D872" s="6" t="s">
        <v>2481</v>
      </c>
      <c r="E872" s="6"/>
      <c r="F872" s="6"/>
      <c r="G872" s="9">
        <v>914</v>
      </c>
      <c r="H872" s="13">
        <v>44238</v>
      </c>
    </row>
    <row r="873" spans="1:8" ht="13.15" customHeight="1" x14ac:dyDescent="0.15">
      <c r="A873" s="6">
        <v>872</v>
      </c>
      <c r="B873" s="6" t="s">
        <v>2484</v>
      </c>
      <c r="C873" s="6" t="s">
        <v>2515</v>
      </c>
      <c r="D873" s="6"/>
      <c r="E873" s="6"/>
      <c r="F873" s="6"/>
      <c r="G873" s="9">
        <v>915</v>
      </c>
      <c r="H873" s="13">
        <v>44249</v>
      </c>
    </row>
    <row r="874" spans="1:8" ht="13.15" customHeight="1" x14ac:dyDescent="0.15">
      <c r="A874" s="6">
        <v>873</v>
      </c>
      <c r="B874" s="6" t="s">
        <v>2487</v>
      </c>
      <c r="C874" s="6" t="s">
        <v>2486</v>
      </c>
      <c r="D874" s="6"/>
      <c r="E874" s="6"/>
      <c r="F874" s="6"/>
      <c r="G874" s="9">
        <v>918</v>
      </c>
      <c r="H874" s="13">
        <v>44254</v>
      </c>
    </row>
    <row r="875" spans="1:8" ht="13.15" customHeight="1" x14ac:dyDescent="0.15">
      <c r="A875" s="6">
        <v>874</v>
      </c>
      <c r="B875" s="6" t="s">
        <v>2490</v>
      </c>
      <c r="C875" s="6" t="s">
        <v>2488</v>
      </c>
      <c r="D875" s="6"/>
      <c r="E875" s="6"/>
      <c r="F875" s="6"/>
      <c r="G875" s="9">
        <v>919</v>
      </c>
      <c r="H875" s="13">
        <v>44257</v>
      </c>
    </row>
    <row r="876" spans="1:8" ht="13.15" customHeight="1" x14ac:dyDescent="0.15">
      <c r="A876" s="6">
        <v>875</v>
      </c>
      <c r="B876" s="6" t="s">
        <v>2491</v>
      </c>
      <c r="C876" s="6" t="s">
        <v>2489</v>
      </c>
      <c r="D876" s="6"/>
      <c r="E876" s="6"/>
      <c r="F876" s="6"/>
      <c r="G876" s="9">
        <v>920</v>
      </c>
      <c r="H876" s="13">
        <v>44272</v>
      </c>
    </row>
    <row r="877" spans="1:8" ht="13.15" customHeight="1" x14ac:dyDescent="0.15">
      <c r="A877" s="6">
        <v>876</v>
      </c>
      <c r="B877" s="6" t="s">
        <v>2494</v>
      </c>
      <c r="C877" s="6" t="s">
        <v>2492</v>
      </c>
      <c r="D877" s="6"/>
      <c r="E877" s="6" t="s">
        <v>2781</v>
      </c>
      <c r="F877" s="6" t="s">
        <v>2493</v>
      </c>
      <c r="G877" s="9">
        <v>921</v>
      </c>
      <c r="H877" s="13">
        <v>44270</v>
      </c>
    </row>
    <row r="878" spans="1:8" ht="13.15" customHeight="1" x14ac:dyDescent="0.15">
      <c r="A878" s="6">
        <v>877</v>
      </c>
      <c r="B878" s="6" t="s">
        <v>2497</v>
      </c>
      <c r="C878" s="6" t="s">
        <v>2495</v>
      </c>
      <c r="D878" s="6" t="s">
        <v>2496</v>
      </c>
      <c r="E878" s="6"/>
      <c r="F878" s="6"/>
      <c r="G878" s="9">
        <v>922</v>
      </c>
      <c r="H878" s="13">
        <v>44274</v>
      </c>
    </row>
    <row r="879" spans="1:8" ht="13.15" customHeight="1" x14ac:dyDescent="0.15">
      <c r="A879" s="6">
        <v>878</v>
      </c>
      <c r="B879" s="6" t="s">
        <v>2083</v>
      </c>
      <c r="C879" s="6" t="s">
        <v>2084</v>
      </c>
      <c r="D879" s="6" t="s">
        <v>2104</v>
      </c>
      <c r="E879" s="6" t="s">
        <v>2782</v>
      </c>
      <c r="F879" s="6" t="s">
        <v>2084</v>
      </c>
      <c r="G879" s="9">
        <v>923</v>
      </c>
      <c r="H879" s="13">
        <v>44275</v>
      </c>
    </row>
    <row r="880" spans="1:8" ht="13.15" customHeight="1" x14ac:dyDescent="0.15">
      <c r="A880" s="6">
        <v>879</v>
      </c>
      <c r="B880" s="6" t="s">
        <v>2499</v>
      </c>
      <c r="C880" s="6" t="s">
        <v>2440</v>
      </c>
      <c r="D880" s="6" t="s">
        <v>2498</v>
      </c>
      <c r="E880" s="6"/>
      <c r="F880" s="6"/>
      <c r="G880" s="9">
        <v>924</v>
      </c>
      <c r="H880" s="13">
        <v>44277</v>
      </c>
    </row>
    <row r="881" spans="1:8" ht="13.15" customHeight="1" x14ac:dyDescent="0.15">
      <c r="A881" s="6">
        <v>880</v>
      </c>
      <c r="B881" s="6" t="s">
        <v>2502</v>
      </c>
      <c r="C881" s="6" t="s">
        <v>2500</v>
      </c>
      <c r="D881" s="6"/>
      <c r="E881" s="6" t="s">
        <v>2783</v>
      </c>
      <c r="F881" s="6" t="s">
        <v>2501</v>
      </c>
      <c r="G881" s="9">
        <v>925</v>
      </c>
      <c r="H881" s="13">
        <v>44276</v>
      </c>
    </row>
    <row r="882" spans="1:8" ht="13.15" customHeight="1" x14ac:dyDescent="0.15">
      <c r="A882" s="6">
        <v>881</v>
      </c>
      <c r="B882" s="6" t="s">
        <v>2503</v>
      </c>
      <c r="C882" s="6" t="s">
        <v>2504</v>
      </c>
      <c r="D882" s="6" t="s">
        <v>2505</v>
      </c>
      <c r="E882" s="6"/>
      <c r="F882" s="6"/>
      <c r="G882" s="9">
        <v>926</v>
      </c>
      <c r="H882" s="13">
        <v>44287</v>
      </c>
    </row>
    <row r="883" spans="1:8" ht="13.15" customHeight="1" x14ac:dyDescent="0.15">
      <c r="A883" s="6">
        <v>882</v>
      </c>
      <c r="B883" s="6" t="s">
        <v>2508</v>
      </c>
      <c r="C883" s="6" t="s">
        <v>2506</v>
      </c>
      <c r="D883" s="6" t="s">
        <v>2509</v>
      </c>
      <c r="E883" s="6" t="s">
        <v>2784</v>
      </c>
      <c r="F883" s="6" t="s">
        <v>2507</v>
      </c>
      <c r="G883" s="9">
        <v>927</v>
      </c>
      <c r="H883" s="13">
        <v>44301</v>
      </c>
    </row>
    <row r="884" spans="1:8" ht="13.15" customHeight="1" x14ac:dyDescent="0.15">
      <c r="A884" s="6">
        <v>883</v>
      </c>
      <c r="B884" s="6" t="s">
        <v>2511</v>
      </c>
      <c r="C884" s="6" t="s">
        <v>2510</v>
      </c>
      <c r="D884" s="6" t="s">
        <v>2512</v>
      </c>
      <c r="E884" s="6"/>
      <c r="F884" s="6"/>
      <c r="G884" s="9">
        <v>928</v>
      </c>
      <c r="H884" s="13">
        <v>44308</v>
      </c>
    </row>
    <row r="885" spans="1:8" ht="13.15" customHeight="1" x14ac:dyDescent="0.15">
      <c r="A885" s="6">
        <v>884</v>
      </c>
      <c r="B885" s="6" t="s">
        <v>2514</v>
      </c>
      <c r="C885" s="6" t="s">
        <v>2513</v>
      </c>
      <c r="D885" s="6"/>
      <c r="E885" s="6"/>
      <c r="F885" s="6"/>
      <c r="G885" s="9">
        <v>929</v>
      </c>
      <c r="H885" s="13">
        <v>44317</v>
      </c>
    </row>
    <row r="886" spans="1:8" ht="13.15" customHeight="1" x14ac:dyDescent="0.15">
      <c r="A886" s="6">
        <v>885</v>
      </c>
      <c r="B886" s="6" t="s">
        <v>2516</v>
      </c>
      <c r="C886" s="6" t="s">
        <v>2517</v>
      </c>
      <c r="D886" s="6" t="s">
        <v>2518</v>
      </c>
      <c r="E886" s="6"/>
      <c r="F886" s="6"/>
      <c r="G886" s="9">
        <v>930</v>
      </c>
      <c r="H886" s="13">
        <v>44337</v>
      </c>
    </row>
    <row r="887" spans="1:8" ht="13.15" customHeight="1" x14ac:dyDescent="0.15">
      <c r="A887" s="6">
        <v>886</v>
      </c>
      <c r="B887" s="6" t="s">
        <v>2524</v>
      </c>
      <c r="C887" s="6" t="s">
        <v>2525</v>
      </c>
      <c r="D887" s="6" t="s">
        <v>2526</v>
      </c>
      <c r="E887" s="6"/>
      <c r="F887" s="6"/>
      <c r="G887" s="9">
        <v>931</v>
      </c>
      <c r="H887" s="13">
        <v>44341</v>
      </c>
    </row>
    <row r="888" spans="1:8" ht="13.15" customHeight="1" x14ac:dyDescent="0.15">
      <c r="A888" s="6">
        <v>887</v>
      </c>
      <c r="B888" s="6" t="s">
        <v>2527</v>
      </c>
      <c r="C888" s="6" t="s">
        <v>2528</v>
      </c>
      <c r="D888" s="6"/>
      <c r="E888" s="6"/>
      <c r="F888" s="6"/>
      <c r="G888" s="9">
        <v>932</v>
      </c>
      <c r="H888" s="13">
        <v>44349</v>
      </c>
    </row>
    <row r="889" spans="1:8" ht="13.15" customHeight="1" x14ac:dyDescent="0.15">
      <c r="A889" s="6">
        <v>888</v>
      </c>
      <c r="B889" s="6" t="s">
        <v>2529</v>
      </c>
      <c r="C889" s="6" t="s">
        <v>2530</v>
      </c>
      <c r="D889" s="6" t="s">
        <v>2531</v>
      </c>
      <c r="E889" s="6" t="s">
        <v>2785</v>
      </c>
      <c r="F889" s="6" t="s">
        <v>2532</v>
      </c>
      <c r="G889" s="9">
        <v>933</v>
      </c>
      <c r="H889" s="13">
        <v>44348</v>
      </c>
    </row>
    <row r="890" spans="1:8" ht="13.15" customHeight="1" x14ac:dyDescent="0.15">
      <c r="A890" s="6">
        <v>889</v>
      </c>
      <c r="B890" s="6" t="s">
        <v>2533</v>
      </c>
      <c r="C890" s="6" t="s">
        <v>2534</v>
      </c>
      <c r="D890" s="6"/>
      <c r="E890" s="6"/>
      <c r="F890" s="6"/>
      <c r="G890" s="9">
        <v>934</v>
      </c>
      <c r="H890" s="13">
        <v>44350</v>
      </c>
    </row>
    <row r="891" spans="1:8" ht="13.15" customHeight="1" x14ac:dyDescent="0.15">
      <c r="A891" s="6">
        <v>890</v>
      </c>
      <c r="B891" s="6" t="s">
        <v>2535</v>
      </c>
      <c r="C891" s="6" t="s">
        <v>2536</v>
      </c>
      <c r="D891" s="6" t="s">
        <v>2537</v>
      </c>
      <c r="E891" s="6"/>
      <c r="F891" s="6"/>
      <c r="G891" s="9">
        <v>935</v>
      </c>
      <c r="H891" s="13">
        <v>44371</v>
      </c>
    </row>
    <row r="892" spans="1:8" s="2" customFormat="1" ht="13.15" customHeight="1" x14ac:dyDescent="0.15">
      <c r="A892" s="6">
        <v>891</v>
      </c>
      <c r="B892" s="6" t="s">
        <v>2540</v>
      </c>
      <c r="C892" s="6" t="s">
        <v>2538</v>
      </c>
      <c r="D892" s="6" t="s">
        <v>2539</v>
      </c>
      <c r="E892" s="6"/>
      <c r="F892" s="6"/>
      <c r="G892" s="9">
        <v>936</v>
      </c>
      <c r="H892" s="13">
        <v>44362</v>
      </c>
    </row>
    <row r="893" spans="1:8" ht="13.15" customHeight="1" x14ac:dyDescent="0.15">
      <c r="A893" s="6">
        <v>892</v>
      </c>
      <c r="B893" s="6" t="s">
        <v>2542</v>
      </c>
      <c r="C893" s="6" t="s">
        <v>2541</v>
      </c>
      <c r="D893" s="16" t="s">
        <v>2543</v>
      </c>
      <c r="E893" s="6"/>
      <c r="F893" s="6"/>
      <c r="G893" s="9">
        <v>937</v>
      </c>
      <c r="H893" s="13">
        <v>44366</v>
      </c>
    </row>
    <row r="894" spans="1:8" ht="13.15" customHeight="1" x14ac:dyDescent="0.15">
      <c r="A894" s="6">
        <v>893</v>
      </c>
      <c r="B894" s="6" t="s">
        <v>2544</v>
      </c>
      <c r="C894" s="6" t="s">
        <v>2551</v>
      </c>
      <c r="D894" s="6" t="s">
        <v>2545</v>
      </c>
      <c r="E894" s="6" t="s">
        <v>2786</v>
      </c>
      <c r="F894" s="6" t="s">
        <v>2546</v>
      </c>
      <c r="G894" s="9">
        <v>938</v>
      </c>
      <c r="H894" s="13">
        <v>44378</v>
      </c>
    </row>
    <row r="895" spans="1:8" ht="13.15" customHeight="1" x14ac:dyDescent="0.15">
      <c r="A895" s="6">
        <v>894</v>
      </c>
      <c r="B895" s="6" t="s">
        <v>2549</v>
      </c>
      <c r="C895" s="6" t="s">
        <v>2550</v>
      </c>
      <c r="D895" s="6"/>
      <c r="E895" s="6"/>
      <c r="F895" s="6"/>
      <c r="G895" s="9">
        <v>940</v>
      </c>
      <c r="H895" s="13">
        <v>44376</v>
      </c>
    </row>
    <row r="896" spans="1:8" ht="13.15" customHeight="1" x14ac:dyDescent="0.15">
      <c r="A896" s="6">
        <v>895</v>
      </c>
      <c r="B896" s="6" t="s">
        <v>2552</v>
      </c>
      <c r="C896" s="6" t="s">
        <v>2553</v>
      </c>
      <c r="D896" s="6"/>
      <c r="E896" s="6"/>
      <c r="F896" s="6"/>
      <c r="G896" s="9">
        <v>941</v>
      </c>
      <c r="H896" s="13">
        <v>44400</v>
      </c>
    </row>
    <row r="897" spans="1:8" ht="13.15" customHeight="1" x14ac:dyDescent="0.15">
      <c r="A897" s="6">
        <v>896</v>
      </c>
      <c r="B897" s="6" t="s">
        <v>2487</v>
      </c>
      <c r="C897" s="6" t="s">
        <v>2486</v>
      </c>
      <c r="D897" s="6"/>
      <c r="E897" s="6"/>
      <c r="F897" s="6"/>
      <c r="G897" s="9">
        <v>942</v>
      </c>
      <c r="H897" s="13">
        <v>44414</v>
      </c>
    </row>
    <row r="898" spans="1:8" ht="13.15" customHeight="1" x14ac:dyDescent="0.15">
      <c r="A898" s="6">
        <v>897</v>
      </c>
      <c r="B898" s="6" t="s">
        <v>2554</v>
      </c>
      <c r="C898" s="6" t="s">
        <v>2555</v>
      </c>
      <c r="D898" s="6" t="s">
        <v>2556</v>
      </c>
      <c r="E898" s="6"/>
      <c r="F898" s="6"/>
      <c r="G898" s="9">
        <v>943</v>
      </c>
      <c r="H898" s="13">
        <v>44413</v>
      </c>
    </row>
    <row r="899" spans="1:8" ht="13.15" customHeight="1" x14ac:dyDescent="0.15">
      <c r="A899" s="6">
        <v>898</v>
      </c>
      <c r="B899" s="6" t="s">
        <v>2557</v>
      </c>
      <c r="C899" s="6" t="s">
        <v>2558</v>
      </c>
      <c r="D899" s="6"/>
      <c r="E899" s="6"/>
      <c r="F899" s="6"/>
      <c r="G899" s="9">
        <v>944</v>
      </c>
      <c r="H899" s="13">
        <v>44418</v>
      </c>
    </row>
    <row r="900" spans="1:8" ht="13.15" customHeight="1" x14ac:dyDescent="0.15">
      <c r="A900" s="6">
        <v>899</v>
      </c>
      <c r="B900" s="6" t="s">
        <v>2487</v>
      </c>
      <c r="C900" s="6" t="s">
        <v>2486</v>
      </c>
      <c r="D900" s="6"/>
      <c r="E900" s="6"/>
      <c r="F900" s="6"/>
      <c r="G900" s="9">
        <v>945</v>
      </c>
      <c r="H900" s="13">
        <v>44421</v>
      </c>
    </row>
    <row r="901" spans="1:8" ht="13.15" customHeight="1" x14ac:dyDescent="0.15">
      <c r="A901" s="6">
        <v>900</v>
      </c>
      <c r="B901" s="6" t="s">
        <v>2487</v>
      </c>
      <c r="C901" s="6" t="s">
        <v>2486</v>
      </c>
      <c r="D901" s="6"/>
      <c r="E901" s="6"/>
      <c r="F901" s="6"/>
      <c r="G901" s="9">
        <v>946</v>
      </c>
      <c r="H901" s="13">
        <v>44422</v>
      </c>
    </row>
    <row r="902" spans="1:8" ht="13.15" customHeight="1" x14ac:dyDescent="0.15">
      <c r="A902" s="6">
        <v>901</v>
      </c>
      <c r="B902" s="6" t="s">
        <v>2559</v>
      </c>
      <c r="C902" s="6" t="s">
        <v>2560</v>
      </c>
      <c r="D902" s="6" t="s">
        <v>2561</v>
      </c>
      <c r="E902" s="6"/>
      <c r="F902" s="6"/>
      <c r="G902" s="9">
        <v>947</v>
      </c>
      <c r="H902" s="13">
        <v>44435</v>
      </c>
    </row>
    <row r="903" spans="1:8" ht="13.15" customHeight="1" x14ac:dyDescent="0.15">
      <c r="A903" s="6">
        <v>902</v>
      </c>
      <c r="B903" s="6" t="s">
        <v>1814</v>
      </c>
      <c r="C903" s="6" t="s">
        <v>1815</v>
      </c>
      <c r="D903" s="6"/>
      <c r="E903" s="6" t="s">
        <v>2787</v>
      </c>
      <c r="F903" s="6" t="s">
        <v>2562</v>
      </c>
      <c r="G903" s="9">
        <v>948</v>
      </c>
      <c r="H903" s="13">
        <v>44443</v>
      </c>
    </row>
    <row r="904" spans="1:8" ht="13.15" customHeight="1" x14ac:dyDescent="0.15">
      <c r="A904" s="6">
        <v>903</v>
      </c>
      <c r="B904" s="6" t="s">
        <v>2564</v>
      </c>
      <c r="C904" s="6" t="s">
        <v>2563</v>
      </c>
      <c r="D904" s="6"/>
      <c r="E904" s="6"/>
      <c r="F904" s="6"/>
      <c r="G904" s="9">
        <v>949</v>
      </c>
      <c r="H904" s="13">
        <v>44446</v>
      </c>
    </row>
    <row r="905" spans="1:8" ht="13.15" customHeight="1" x14ac:dyDescent="0.15">
      <c r="A905" s="6">
        <v>904</v>
      </c>
      <c r="B905" s="6" t="s">
        <v>2566</v>
      </c>
      <c r="C905" s="6" t="s">
        <v>2565</v>
      </c>
      <c r="D905" s="6"/>
      <c r="E905" s="6"/>
      <c r="F905" s="6"/>
      <c r="G905" s="9">
        <v>950</v>
      </c>
      <c r="H905" s="13">
        <v>44443</v>
      </c>
    </row>
    <row r="906" spans="1:8" ht="13.15" customHeight="1" x14ac:dyDescent="0.15">
      <c r="A906" s="6">
        <v>905</v>
      </c>
      <c r="B906" s="6" t="s">
        <v>2567</v>
      </c>
      <c r="C906" s="6" t="s">
        <v>2568</v>
      </c>
      <c r="D906" s="6"/>
      <c r="E906" s="6"/>
      <c r="F906" s="6"/>
      <c r="G906" s="9">
        <v>952</v>
      </c>
      <c r="H906" s="13">
        <v>44461</v>
      </c>
    </row>
    <row r="907" spans="1:8" ht="13.15" customHeight="1" x14ac:dyDescent="0.15">
      <c r="A907" s="6">
        <v>906</v>
      </c>
      <c r="B907" s="6" t="s">
        <v>2569</v>
      </c>
      <c r="C907" s="6" t="s">
        <v>2570</v>
      </c>
      <c r="D907" s="6"/>
      <c r="E907" s="6"/>
      <c r="F907" s="6"/>
      <c r="G907" s="9">
        <v>951</v>
      </c>
      <c r="H907" s="13">
        <v>44467</v>
      </c>
    </row>
    <row r="908" spans="1:8" ht="13.15" customHeight="1" x14ac:dyDescent="0.15">
      <c r="A908" s="6">
        <v>907</v>
      </c>
      <c r="B908" s="6" t="s">
        <v>2571</v>
      </c>
      <c r="C908" s="6" t="s">
        <v>2572</v>
      </c>
      <c r="D908" s="6" t="s">
        <v>2573</v>
      </c>
      <c r="E908" s="6" t="s">
        <v>2788</v>
      </c>
      <c r="F908" s="6" t="s">
        <v>2934</v>
      </c>
      <c r="G908" s="9">
        <v>953</v>
      </c>
      <c r="H908" s="13">
        <v>44461</v>
      </c>
    </row>
    <row r="909" spans="1:8" ht="13.15" customHeight="1" x14ac:dyDescent="0.15">
      <c r="A909" s="6">
        <v>908</v>
      </c>
      <c r="B909" s="6" t="s">
        <v>2574</v>
      </c>
      <c r="C909" s="6" t="s">
        <v>2575</v>
      </c>
      <c r="D909" s="6"/>
      <c r="E909" s="6" t="s">
        <v>2789</v>
      </c>
      <c r="F909" s="6" t="s">
        <v>2576</v>
      </c>
      <c r="G909" s="9">
        <v>954</v>
      </c>
      <c r="H909" s="13">
        <v>44466</v>
      </c>
    </row>
    <row r="910" spans="1:8" ht="13.15" customHeight="1" x14ac:dyDescent="0.15">
      <c r="A910" s="6">
        <v>909</v>
      </c>
      <c r="B910" s="6" t="s">
        <v>2577</v>
      </c>
      <c r="C910" s="6" t="s">
        <v>2578</v>
      </c>
      <c r="D910" s="6" t="s">
        <v>2394</v>
      </c>
      <c r="E910" s="6" t="s">
        <v>2790</v>
      </c>
      <c r="F910" s="6" t="s">
        <v>2578</v>
      </c>
      <c r="G910" s="9">
        <v>955</v>
      </c>
      <c r="H910" s="13">
        <v>44470</v>
      </c>
    </row>
    <row r="911" spans="1:8" ht="13.15" customHeight="1" x14ac:dyDescent="0.15">
      <c r="A911" s="6">
        <v>910</v>
      </c>
      <c r="B911" s="6" t="s">
        <v>2508</v>
      </c>
      <c r="C911" s="6" t="s">
        <v>2506</v>
      </c>
      <c r="D911" s="6" t="s">
        <v>2505</v>
      </c>
      <c r="E911" s="6"/>
      <c r="F911" s="6"/>
      <c r="G911" s="9">
        <v>956</v>
      </c>
      <c r="H911" s="13">
        <v>44501</v>
      </c>
    </row>
    <row r="912" spans="1:8" ht="13.15" customHeight="1" x14ac:dyDescent="0.15">
      <c r="A912" s="6">
        <v>911</v>
      </c>
      <c r="B912" s="6" t="s">
        <v>2579</v>
      </c>
      <c r="C912" s="6" t="s">
        <v>2580</v>
      </c>
      <c r="D912" s="6"/>
      <c r="E912" s="6"/>
      <c r="F912" s="6"/>
      <c r="G912" s="9">
        <v>957</v>
      </c>
      <c r="H912" s="13">
        <v>44506</v>
      </c>
    </row>
    <row r="913" spans="1:8" ht="13.15" customHeight="1" x14ac:dyDescent="0.15">
      <c r="A913" s="6">
        <v>912</v>
      </c>
      <c r="B913" s="6" t="s">
        <v>2548</v>
      </c>
      <c r="C913" s="6" t="s">
        <v>2547</v>
      </c>
      <c r="D913" s="6"/>
      <c r="E913" s="6" t="s">
        <v>2791</v>
      </c>
      <c r="F913" s="6" t="s">
        <v>2547</v>
      </c>
      <c r="G913" s="9">
        <v>958</v>
      </c>
      <c r="H913" s="13">
        <v>44512</v>
      </c>
    </row>
    <row r="914" spans="1:8" ht="13.15" customHeight="1" x14ac:dyDescent="0.15">
      <c r="A914" s="6">
        <v>913</v>
      </c>
      <c r="B914" s="6" t="s">
        <v>2581</v>
      </c>
      <c r="C914" s="6" t="s">
        <v>2582</v>
      </c>
      <c r="D914" s="6"/>
      <c r="E914" s="6"/>
      <c r="F914" s="6"/>
      <c r="G914" s="9">
        <v>959</v>
      </c>
      <c r="H914" s="13">
        <v>44513</v>
      </c>
    </row>
    <row r="915" spans="1:8" ht="13.15" customHeight="1" x14ac:dyDescent="0.15">
      <c r="A915" s="6">
        <v>914</v>
      </c>
      <c r="B915" s="6" t="s">
        <v>2583</v>
      </c>
      <c r="C915" s="6" t="s">
        <v>2584</v>
      </c>
      <c r="D915" s="6"/>
      <c r="E915" s="6"/>
      <c r="F915" s="6"/>
      <c r="G915" s="9">
        <v>960</v>
      </c>
      <c r="H915" s="13">
        <v>44514</v>
      </c>
    </row>
    <row r="916" spans="1:8" ht="13.15" customHeight="1" x14ac:dyDescent="0.15">
      <c r="A916" s="6">
        <v>915</v>
      </c>
      <c r="B916" s="6" t="s">
        <v>2587</v>
      </c>
      <c r="C916" s="6" t="s">
        <v>2585</v>
      </c>
      <c r="D916" s="6"/>
      <c r="E916" s="6"/>
      <c r="F916" s="6"/>
      <c r="G916" s="9">
        <v>961</v>
      </c>
      <c r="H916" s="13">
        <v>44522</v>
      </c>
    </row>
    <row r="917" spans="1:8" ht="13.15" customHeight="1" x14ac:dyDescent="0.15">
      <c r="A917" s="6">
        <v>916</v>
      </c>
      <c r="B917" s="6" t="s">
        <v>2589</v>
      </c>
      <c r="C917" s="6" t="s">
        <v>2588</v>
      </c>
      <c r="D917" s="6"/>
      <c r="E917" s="6"/>
      <c r="F917" s="6"/>
      <c r="G917" s="9">
        <v>962</v>
      </c>
      <c r="H917" s="13">
        <v>44518</v>
      </c>
    </row>
    <row r="918" spans="1:8" ht="13.15" customHeight="1" x14ac:dyDescent="0.15">
      <c r="A918" s="6">
        <v>917</v>
      </c>
      <c r="B918" s="6" t="s">
        <v>2590</v>
      </c>
      <c r="C918" s="6" t="s">
        <v>2591</v>
      </c>
      <c r="D918" s="6" t="s">
        <v>2592</v>
      </c>
      <c r="E918" s="6"/>
      <c r="F918" s="6"/>
      <c r="G918" s="9">
        <v>963</v>
      </c>
      <c r="H918" s="13">
        <v>44530</v>
      </c>
    </row>
    <row r="919" spans="1:8" ht="13.15" customHeight="1" x14ac:dyDescent="0.15">
      <c r="A919" s="6">
        <v>918</v>
      </c>
      <c r="B919" s="6" t="s">
        <v>2593</v>
      </c>
      <c r="C919" s="6" t="s">
        <v>2594</v>
      </c>
      <c r="D919" s="6"/>
      <c r="E919" s="6"/>
      <c r="F919" s="6"/>
      <c r="G919" s="9">
        <v>964</v>
      </c>
      <c r="H919" s="13">
        <v>44525</v>
      </c>
    </row>
    <row r="920" spans="1:8" ht="13.15" customHeight="1" x14ac:dyDescent="0.15">
      <c r="A920" s="6">
        <v>919</v>
      </c>
      <c r="B920" s="6" t="s">
        <v>2455</v>
      </c>
      <c r="C920" s="6" t="s">
        <v>2454</v>
      </c>
      <c r="D920" s="6"/>
      <c r="E920" s="6"/>
      <c r="F920" s="6"/>
      <c r="G920" s="9">
        <v>965</v>
      </c>
      <c r="H920" s="13">
        <v>44531</v>
      </c>
    </row>
    <row r="921" spans="1:8" ht="13.15" customHeight="1" x14ac:dyDescent="0.15">
      <c r="A921" s="6">
        <v>920</v>
      </c>
      <c r="B921" s="6" t="s">
        <v>2596</v>
      </c>
      <c r="C921" s="6" t="s">
        <v>2117</v>
      </c>
      <c r="D921" s="6" t="s">
        <v>2595</v>
      </c>
      <c r="E921" s="6"/>
      <c r="F921" s="6"/>
      <c r="G921" s="9">
        <v>966</v>
      </c>
      <c r="H921" s="13">
        <v>44532</v>
      </c>
    </row>
    <row r="922" spans="1:8" ht="13.15" customHeight="1" x14ac:dyDescent="0.15">
      <c r="A922" s="6">
        <v>921</v>
      </c>
      <c r="B922" s="6" t="s">
        <v>2598</v>
      </c>
      <c r="C922" s="6" t="s">
        <v>2599</v>
      </c>
      <c r="D922" s="6" t="s">
        <v>2600</v>
      </c>
      <c r="E922" s="6"/>
      <c r="F922" s="6"/>
      <c r="G922" s="9">
        <v>967</v>
      </c>
      <c r="H922" s="13">
        <v>44540</v>
      </c>
    </row>
    <row r="923" spans="1:8" ht="13.15" customHeight="1" x14ac:dyDescent="0.15">
      <c r="A923" s="6">
        <v>922</v>
      </c>
      <c r="B923" s="6" t="s">
        <v>2604</v>
      </c>
      <c r="C923" s="6" t="s">
        <v>2602</v>
      </c>
      <c r="D923" s="6"/>
      <c r="E923" s="6"/>
      <c r="F923" s="6"/>
      <c r="G923" s="9">
        <v>969</v>
      </c>
      <c r="H923" s="13">
        <v>44562</v>
      </c>
    </row>
    <row r="924" spans="1:8" ht="13.15" customHeight="1" x14ac:dyDescent="0.15">
      <c r="A924" s="6">
        <v>923</v>
      </c>
      <c r="B924" s="6" t="s">
        <v>2605</v>
      </c>
      <c r="C924" s="6" t="s">
        <v>2603</v>
      </c>
      <c r="D924" s="6"/>
      <c r="E924" s="6"/>
      <c r="F924" s="6"/>
      <c r="G924" s="9">
        <v>970</v>
      </c>
      <c r="H924" s="13">
        <v>44562</v>
      </c>
    </row>
    <row r="925" spans="1:8" ht="13.15" customHeight="1" x14ac:dyDescent="0.15">
      <c r="A925" s="6">
        <v>924</v>
      </c>
      <c r="B925" s="6" t="s">
        <v>2607</v>
      </c>
      <c r="C925" s="6" t="s">
        <v>2606</v>
      </c>
      <c r="D925" s="6"/>
      <c r="E925" s="6"/>
      <c r="F925" s="6"/>
      <c r="G925" s="9">
        <v>971</v>
      </c>
      <c r="H925" s="10">
        <v>44552</v>
      </c>
    </row>
    <row r="926" spans="1:8" ht="13.15" customHeight="1" x14ac:dyDescent="0.15">
      <c r="A926" s="6">
        <v>925</v>
      </c>
      <c r="B926" s="6" t="s">
        <v>2609</v>
      </c>
      <c r="C926" s="6" t="s">
        <v>2608</v>
      </c>
      <c r="D926" s="6"/>
      <c r="E926" s="6"/>
      <c r="F926" s="6"/>
      <c r="G926" s="9">
        <v>972</v>
      </c>
      <c r="H926" s="13">
        <v>44565</v>
      </c>
    </row>
    <row r="927" spans="1:8" ht="13.15" customHeight="1" x14ac:dyDescent="0.15">
      <c r="A927" s="6">
        <v>926</v>
      </c>
      <c r="B927" s="6" t="s">
        <v>2610</v>
      </c>
      <c r="C927" s="6" t="s">
        <v>2611</v>
      </c>
      <c r="D927" s="6"/>
      <c r="E927" s="6"/>
      <c r="F927" s="6"/>
      <c r="G927" s="9">
        <v>973</v>
      </c>
      <c r="H927" s="13">
        <v>44609</v>
      </c>
    </row>
    <row r="928" spans="1:8" ht="13.15" customHeight="1" x14ac:dyDescent="0.15">
      <c r="A928" s="6">
        <v>927</v>
      </c>
      <c r="B928" s="6" t="s">
        <v>1271</v>
      </c>
      <c r="C928" s="6" t="s">
        <v>1272</v>
      </c>
      <c r="D928" s="6"/>
      <c r="E928" s="6"/>
      <c r="F928" s="6"/>
      <c r="G928" s="9">
        <v>974</v>
      </c>
      <c r="H928" s="13">
        <v>44621</v>
      </c>
    </row>
    <row r="929" spans="1:8" ht="13.15" customHeight="1" x14ac:dyDescent="0.15">
      <c r="A929" s="6">
        <v>928</v>
      </c>
      <c r="B929" s="6" t="s">
        <v>2612</v>
      </c>
      <c r="C929" s="6" t="s">
        <v>2613</v>
      </c>
      <c r="D929" s="6"/>
      <c r="E929" s="6"/>
      <c r="F929" s="6"/>
      <c r="G929" s="9">
        <v>975</v>
      </c>
      <c r="H929" s="13">
        <v>44616</v>
      </c>
    </row>
    <row r="930" spans="1:8" ht="13.15" customHeight="1" x14ac:dyDescent="0.15">
      <c r="A930" s="6">
        <v>929</v>
      </c>
      <c r="B930" s="6" t="s">
        <v>2614</v>
      </c>
      <c r="C930" s="6" t="s">
        <v>2615</v>
      </c>
      <c r="D930" s="6"/>
      <c r="E930" s="6"/>
      <c r="F930" s="6"/>
      <c r="G930" s="9">
        <v>976</v>
      </c>
      <c r="H930" s="13">
        <v>44614</v>
      </c>
    </row>
    <row r="931" spans="1:8" ht="13.15" customHeight="1" x14ac:dyDescent="0.15">
      <c r="A931" s="6">
        <v>930</v>
      </c>
      <c r="B931" s="6" t="s">
        <v>2359</v>
      </c>
      <c r="C931" s="6" t="s">
        <v>2360</v>
      </c>
      <c r="D931" s="6"/>
      <c r="E931" s="6"/>
      <c r="F931" s="6"/>
      <c r="G931" s="9">
        <v>977</v>
      </c>
      <c r="H931" s="13">
        <v>44641</v>
      </c>
    </row>
    <row r="932" spans="1:8" ht="13.15" customHeight="1" x14ac:dyDescent="0.15">
      <c r="A932" s="6">
        <v>931</v>
      </c>
      <c r="B932" s="6" t="s">
        <v>2616</v>
      </c>
      <c r="C932" s="6" t="s">
        <v>2617</v>
      </c>
      <c r="D932" s="6"/>
      <c r="E932" s="6"/>
      <c r="F932" s="6"/>
      <c r="G932" s="9">
        <v>978</v>
      </c>
      <c r="H932" s="13">
        <v>44642</v>
      </c>
    </row>
    <row r="933" spans="1:8" ht="13.15" customHeight="1" x14ac:dyDescent="0.15">
      <c r="A933" s="6">
        <v>932</v>
      </c>
      <c r="B933" s="6" t="s">
        <v>2618</v>
      </c>
      <c r="C933" s="6" t="s">
        <v>2619</v>
      </c>
      <c r="D933" s="6"/>
      <c r="E933" s="6"/>
      <c r="F933" s="6"/>
      <c r="G933" s="9">
        <v>979</v>
      </c>
      <c r="H933" s="13">
        <v>44646</v>
      </c>
    </row>
    <row r="934" spans="1:8" ht="13.15" customHeight="1" x14ac:dyDescent="0.15">
      <c r="A934" s="6">
        <v>933</v>
      </c>
      <c r="B934" s="6" t="s">
        <v>2622</v>
      </c>
      <c r="C934" s="6" t="s">
        <v>2623</v>
      </c>
      <c r="D934" s="6" t="s">
        <v>2505</v>
      </c>
      <c r="E934" s="6"/>
      <c r="F934" s="6"/>
      <c r="G934" s="9">
        <v>981</v>
      </c>
      <c r="H934" s="13">
        <v>44646</v>
      </c>
    </row>
    <row r="935" spans="1:8" ht="13.15" customHeight="1" x14ac:dyDescent="0.15">
      <c r="A935" s="6">
        <v>934</v>
      </c>
      <c r="B935" s="6" t="s">
        <v>2626</v>
      </c>
      <c r="C935" s="6" t="s">
        <v>2624</v>
      </c>
      <c r="D935" s="6" t="s">
        <v>2625</v>
      </c>
      <c r="E935" s="6"/>
      <c r="F935" s="6"/>
      <c r="G935" s="9">
        <v>982</v>
      </c>
      <c r="H935" s="13">
        <v>44647</v>
      </c>
    </row>
    <row r="936" spans="1:8" ht="13.15" customHeight="1" x14ac:dyDescent="0.15">
      <c r="A936" s="6">
        <v>935</v>
      </c>
      <c r="B936" s="6" t="s">
        <v>2629</v>
      </c>
      <c r="C936" s="6" t="s">
        <v>2627</v>
      </c>
      <c r="D936" s="6" t="s">
        <v>2628</v>
      </c>
      <c r="E936" s="6"/>
      <c r="F936" s="6"/>
      <c r="G936" s="9">
        <v>983</v>
      </c>
      <c r="H936" s="13">
        <v>44666</v>
      </c>
    </row>
    <row r="937" spans="1:8" ht="13.15" customHeight="1" x14ac:dyDescent="0.15">
      <c r="A937" s="6">
        <v>936</v>
      </c>
      <c r="B937" s="6" t="s">
        <v>2630</v>
      </c>
      <c r="C937" s="6" t="s">
        <v>2631</v>
      </c>
      <c r="D937" s="6" t="s">
        <v>2505</v>
      </c>
      <c r="E937" s="6"/>
      <c r="F937" s="6"/>
      <c r="G937" s="9">
        <v>984</v>
      </c>
      <c r="H937" s="13">
        <v>44652</v>
      </c>
    </row>
    <row r="938" spans="1:8" ht="13.15" customHeight="1" x14ac:dyDescent="0.15">
      <c r="A938" s="6">
        <v>937</v>
      </c>
      <c r="B938" s="6" t="s">
        <v>2633</v>
      </c>
      <c r="C938" s="6" t="s">
        <v>2634</v>
      </c>
      <c r="D938" s="6"/>
      <c r="E938" s="6" t="s">
        <v>2792</v>
      </c>
      <c r="F938" s="6" t="s">
        <v>2635</v>
      </c>
      <c r="G938" s="9">
        <v>985</v>
      </c>
      <c r="H938" s="13">
        <v>44657</v>
      </c>
    </row>
    <row r="939" spans="1:8" ht="13.15" customHeight="1" x14ac:dyDescent="0.15">
      <c r="A939" s="6">
        <v>938</v>
      </c>
      <c r="B939" s="6" t="s">
        <v>2636</v>
      </c>
      <c r="C939" s="6" t="s">
        <v>2637</v>
      </c>
      <c r="D939" s="6" t="s">
        <v>2638</v>
      </c>
      <c r="E939" s="6"/>
      <c r="F939" s="6"/>
      <c r="G939" s="9">
        <v>986</v>
      </c>
      <c r="H939" s="13">
        <v>44672</v>
      </c>
    </row>
    <row r="940" spans="1:8" ht="13.15" customHeight="1" x14ac:dyDescent="0.15">
      <c r="A940" s="6">
        <v>939</v>
      </c>
      <c r="B940" s="6" t="s">
        <v>2642</v>
      </c>
      <c r="C940" s="6" t="s">
        <v>2641</v>
      </c>
      <c r="D940" s="6"/>
      <c r="E940" s="6"/>
      <c r="F940" s="6"/>
      <c r="G940" s="9">
        <v>987</v>
      </c>
      <c r="H940" s="13">
        <v>44674</v>
      </c>
    </row>
    <row r="941" spans="1:8" ht="13.15" customHeight="1" x14ac:dyDescent="0.15">
      <c r="A941" s="6">
        <v>940</v>
      </c>
      <c r="B941" s="6" t="s">
        <v>2644</v>
      </c>
      <c r="C941" s="6" t="s">
        <v>2643</v>
      </c>
      <c r="D941" s="6"/>
      <c r="E941" s="6"/>
      <c r="F941" s="6"/>
      <c r="G941" s="9">
        <v>988</v>
      </c>
      <c r="H941" s="13">
        <v>44691</v>
      </c>
    </row>
    <row r="942" spans="1:8" ht="13.15" customHeight="1" x14ac:dyDescent="0.15">
      <c r="A942" s="6">
        <v>941</v>
      </c>
      <c r="B942" s="6" t="s">
        <v>2645</v>
      </c>
      <c r="C942" s="6" t="s">
        <v>2646</v>
      </c>
      <c r="D942" s="6"/>
      <c r="E942" s="6"/>
      <c r="F942" s="6"/>
      <c r="G942" s="9">
        <v>989</v>
      </c>
      <c r="H942" s="13">
        <v>44679</v>
      </c>
    </row>
    <row r="943" spans="1:8" ht="13.15" customHeight="1" x14ac:dyDescent="0.15">
      <c r="A943" s="6">
        <v>942</v>
      </c>
      <c r="B943" s="6" t="s">
        <v>2650</v>
      </c>
      <c r="C943" s="6" t="s">
        <v>2648</v>
      </c>
      <c r="D943" s="6" t="s">
        <v>2649</v>
      </c>
      <c r="E943" s="6"/>
      <c r="F943" s="6"/>
      <c r="G943" s="9">
        <v>990</v>
      </c>
      <c r="H943" s="13">
        <v>44713</v>
      </c>
    </row>
    <row r="944" spans="1:8" ht="13.15" customHeight="1" x14ac:dyDescent="0.15">
      <c r="A944" s="6">
        <v>943</v>
      </c>
      <c r="B944" s="6" t="s">
        <v>2651</v>
      </c>
      <c r="C944" s="6" t="s">
        <v>2652</v>
      </c>
      <c r="D944" s="6" t="s">
        <v>2394</v>
      </c>
      <c r="E944" s="6" t="s">
        <v>2793</v>
      </c>
      <c r="F944" s="6" t="s">
        <v>2653</v>
      </c>
      <c r="G944" s="9">
        <v>991</v>
      </c>
      <c r="H944" s="13">
        <v>44708</v>
      </c>
    </row>
    <row r="945" spans="1:8" ht="13.15" customHeight="1" x14ac:dyDescent="0.15">
      <c r="A945" s="6">
        <v>944</v>
      </c>
      <c r="B945" s="6" t="s">
        <v>2655</v>
      </c>
      <c r="C945" s="6" t="s">
        <v>2656</v>
      </c>
      <c r="D945" s="6"/>
      <c r="E945" s="6"/>
      <c r="F945" s="6"/>
      <c r="G945" s="9">
        <v>992</v>
      </c>
      <c r="H945" s="13">
        <v>44719</v>
      </c>
    </row>
    <row r="946" spans="1:8" ht="13.15" customHeight="1" x14ac:dyDescent="0.15">
      <c r="A946" s="6">
        <v>945</v>
      </c>
      <c r="B946" s="6" t="s">
        <v>2657</v>
      </c>
      <c r="C946" s="6" t="s">
        <v>2658</v>
      </c>
      <c r="D946" s="6" t="s">
        <v>2659</v>
      </c>
      <c r="E946" s="6"/>
      <c r="F946" s="6"/>
      <c r="G946" s="9">
        <v>993</v>
      </c>
      <c r="H946" s="13">
        <v>44722</v>
      </c>
    </row>
    <row r="947" spans="1:8" ht="13.15" customHeight="1" x14ac:dyDescent="0.15">
      <c r="A947" s="6">
        <v>946</v>
      </c>
      <c r="B947" s="6" t="s">
        <v>2660</v>
      </c>
      <c r="C947" s="6" t="s">
        <v>2661</v>
      </c>
      <c r="D947" s="6" t="s">
        <v>2662</v>
      </c>
      <c r="E947" s="6" t="s">
        <v>2794</v>
      </c>
      <c r="F947" s="6" t="s">
        <v>2663</v>
      </c>
      <c r="G947" s="9">
        <v>994</v>
      </c>
      <c r="H947" s="13">
        <v>44733</v>
      </c>
    </row>
    <row r="948" spans="1:8" ht="13.15" customHeight="1" x14ac:dyDescent="0.15">
      <c r="A948" s="6">
        <v>947</v>
      </c>
      <c r="B948" s="6" t="s">
        <v>2664</v>
      </c>
      <c r="C948" s="6" t="s">
        <v>2665</v>
      </c>
      <c r="D948" s="6" t="s">
        <v>2666</v>
      </c>
      <c r="E948" s="6"/>
      <c r="F948" s="6"/>
      <c r="G948" s="9">
        <v>995</v>
      </c>
      <c r="H948" s="13">
        <v>44732</v>
      </c>
    </row>
    <row r="949" spans="1:8" ht="13.15" customHeight="1" x14ac:dyDescent="0.15">
      <c r="A949" s="6">
        <v>948</v>
      </c>
      <c r="B949" s="6" t="s">
        <v>2667</v>
      </c>
      <c r="C949" s="6" t="s">
        <v>2668</v>
      </c>
      <c r="D949" s="6"/>
      <c r="E949" s="6" t="s">
        <v>2783</v>
      </c>
      <c r="F949" s="6" t="s">
        <v>2669</v>
      </c>
      <c r="G949" s="9">
        <v>996</v>
      </c>
      <c r="H949" s="13">
        <v>44743</v>
      </c>
    </row>
    <row r="950" spans="1:8" ht="13.15" customHeight="1" x14ac:dyDescent="0.15">
      <c r="A950" s="6">
        <v>949</v>
      </c>
      <c r="B950" s="6" t="s">
        <v>2670</v>
      </c>
      <c r="C950" s="6" t="s">
        <v>2671</v>
      </c>
      <c r="D950" s="6" t="s">
        <v>2672</v>
      </c>
      <c r="E950" s="6" t="s">
        <v>2795</v>
      </c>
      <c r="F950" s="6" t="s">
        <v>2673</v>
      </c>
      <c r="G950" s="9">
        <v>997</v>
      </c>
      <c r="H950" s="13">
        <v>44774</v>
      </c>
    </row>
    <row r="951" spans="1:8" ht="13.15" customHeight="1" x14ac:dyDescent="0.15">
      <c r="A951" s="6">
        <v>950</v>
      </c>
      <c r="B951" s="6" t="s">
        <v>2674</v>
      </c>
      <c r="C951" s="6" t="s">
        <v>2675</v>
      </c>
      <c r="D951" s="6" t="s">
        <v>2676</v>
      </c>
      <c r="E951" s="6"/>
      <c r="F951" s="6"/>
      <c r="G951" s="9">
        <v>998</v>
      </c>
      <c r="H951" s="13">
        <v>44776</v>
      </c>
    </row>
    <row r="952" spans="1:8" ht="13.15" customHeight="1" x14ac:dyDescent="0.15">
      <c r="A952" s="6">
        <v>951</v>
      </c>
      <c r="B952" s="6" t="s">
        <v>2677</v>
      </c>
      <c r="C952" s="6" t="s">
        <v>2678</v>
      </c>
      <c r="D952" s="6" t="s">
        <v>2679</v>
      </c>
      <c r="E952" s="6"/>
      <c r="F952" s="6"/>
      <c r="G952" s="9">
        <v>999</v>
      </c>
      <c r="H952" s="13">
        <v>44778</v>
      </c>
    </row>
    <row r="953" spans="1:8" ht="13.15" customHeight="1" x14ac:dyDescent="0.15">
      <c r="A953" s="6">
        <v>952</v>
      </c>
      <c r="B953" s="6" t="s">
        <v>2680</v>
      </c>
      <c r="C953" s="6" t="s">
        <v>2681</v>
      </c>
      <c r="D953" s="6"/>
      <c r="E953" s="6"/>
      <c r="F953" s="6"/>
      <c r="G953" s="9">
        <v>1000</v>
      </c>
      <c r="H953" s="13">
        <v>44796</v>
      </c>
    </row>
    <row r="954" spans="1:8" ht="13.15" customHeight="1" x14ac:dyDescent="0.15">
      <c r="A954" s="6">
        <v>953</v>
      </c>
      <c r="B954" s="6" t="s">
        <v>2683</v>
      </c>
      <c r="C954" s="6" t="s">
        <v>2682</v>
      </c>
      <c r="D954" s="6"/>
      <c r="E954" s="6"/>
      <c r="F954" s="6"/>
      <c r="G954" s="9">
        <v>1001</v>
      </c>
      <c r="H954" s="13">
        <v>44799</v>
      </c>
    </row>
    <row r="955" spans="1:8" ht="13.15" customHeight="1" x14ac:dyDescent="0.15">
      <c r="A955" s="6">
        <v>954</v>
      </c>
      <c r="B955" s="6" t="s">
        <v>2684</v>
      </c>
      <c r="C955" s="6" t="s">
        <v>2685</v>
      </c>
      <c r="D955" s="6"/>
      <c r="E955" s="6"/>
      <c r="F955" s="6"/>
      <c r="G955" s="9">
        <v>1002</v>
      </c>
      <c r="H955" s="13">
        <v>44805</v>
      </c>
    </row>
    <row r="956" spans="1:8" ht="13.15" customHeight="1" x14ac:dyDescent="0.15">
      <c r="A956" s="6">
        <v>955</v>
      </c>
      <c r="B956" s="6" t="s">
        <v>2687</v>
      </c>
      <c r="C956" s="6" t="s">
        <v>2686</v>
      </c>
      <c r="D956" s="6"/>
      <c r="E956" s="6" t="s">
        <v>2725</v>
      </c>
      <c r="F956" s="6"/>
      <c r="G956" s="9">
        <v>1003</v>
      </c>
      <c r="H956" s="13">
        <v>44806</v>
      </c>
    </row>
    <row r="957" spans="1:8" ht="13.15" customHeight="1" x14ac:dyDescent="0.15">
      <c r="A957" s="6">
        <v>956</v>
      </c>
      <c r="B957" s="6" t="s">
        <v>2796</v>
      </c>
      <c r="C957" s="6" t="s">
        <v>2798</v>
      </c>
      <c r="D957" s="6" t="s">
        <v>2797</v>
      </c>
      <c r="E957" s="6"/>
      <c r="F957" s="6"/>
      <c r="G957" s="9">
        <v>1004</v>
      </c>
      <c r="H957" s="13">
        <v>44827</v>
      </c>
    </row>
    <row r="958" spans="1:8" ht="13.15" customHeight="1" x14ac:dyDescent="0.15">
      <c r="A958" s="6">
        <v>957</v>
      </c>
      <c r="B958" s="6" t="s">
        <v>2799</v>
      </c>
      <c r="C958" s="15" t="s">
        <v>2443</v>
      </c>
      <c r="D958" s="6"/>
      <c r="E958" s="6" t="s">
        <v>2442</v>
      </c>
      <c r="F958" s="6" t="s">
        <v>2443</v>
      </c>
      <c r="G958" s="9">
        <v>1005</v>
      </c>
      <c r="H958" s="13">
        <v>44824</v>
      </c>
    </row>
    <row r="959" spans="1:8" ht="13.15" customHeight="1" x14ac:dyDescent="0.15">
      <c r="A959" s="6">
        <v>958</v>
      </c>
      <c r="B959" s="6" t="s">
        <v>2800</v>
      </c>
      <c r="C959" s="6" t="s">
        <v>1879</v>
      </c>
      <c r="D959" s="6"/>
      <c r="E959" s="6"/>
      <c r="F959" s="6"/>
      <c r="G959" s="9">
        <v>1006</v>
      </c>
      <c r="H959" s="13">
        <v>44832</v>
      </c>
    </row>
    <row r="960" spans="1:8" ht="13.15" customHeight="1" x14ac:dyDescent="0.15">
      <c r="A960" s="6">
        <v>959</v>
      </c>
      <c r="B960" s="6" t="s">
        <v>2803</v>
      </c>
      <c r="C960" s="6" t="s">
        <v>2804</v>
      </c>
      <c r="D960" s="6" t="s">
        <v>2805</v>
      </c>
      <c r="E960" s="6"/>
      <c r="F960" s="6"/>
      <c r="G960" s="9">
        <v>1007</v>
      </c>
      <c r="H960" s="13">
        <v>44839</v>
      </c>
    </row>
    <row r="961" spans="1:8" ht="13.15" customHeight="1" x14ac:dyDescent="0.15">
      <c r="A961" s="6">
        <v>960</v>
      </c>
      <c r="B961" s="6" t="s">
        <v>2806</v>
      </c>
      <c r="C961" s="6" t="s">
        <v>562</v>
      </c>
      <c r="D961" s="6"/>
      <c r="E961" s="6"/>
      <c r="F961" s="6"/>
      <c r="G961" s="9">
        <v>1008</v>
      </c>
      <c r="H961" s="13">
        <v>44849</v>
      </c>
    </row>
    <row r="962" spans="1:8" ht="13.15" customHeight="1" x14ac:dyDescent="0.15">
      <c r="A962" s="6">
        <v>961</v>
      </c>
      <c r="B962" s="6" t="s">
        <v>2807</v>
      </c>
      <c r="C962" s="6" t="s">
        <v>2808</v>
      </c>
      <c r="D962" s="6"/>
      <c r="E962" s="6"/>
      <c r="F962" s="6"/>
      <c r="G962" s="9">
        <v>1009</v>
      </c>
      <c r="H962" s="13">
        <v>44866</v>
      </c>
    </row>
    <row r="963" spans="1:8" ht="13.15" customHeight="1" x14ac:dyDescent="0.15">
      <c r="A963" s="6">
        <v>962</v>
      </c>
      <c r="B963" s="6" t="s">
        <v>2810</v>
      </c>
      <c r="C963" s="6" t="s">
        <v>2809</v>
      </c>
      <c r="D963" s="6"/>
      <c r="E963" s="6"/>
      <c r="F963" s="6"/>
      <c r="G963" s="9">
        <v>1010</v>
      </c>
      <c r="H963" s="13">
        <v>44852</v>
      </c>
    </row>
    <row r="964" spans="1:8" ht="13.15" customHeight="1" x14ac:dyDescent="0.15">
      <c r="A964" s="6">
        <v>963</v>
      </c>
      <c r="B964" s="6" t="s">
        <v>2813</v>
      </c>
      <c r="C964" s="6" t="s">
        <v>2812</v>
      </c>
      <c r="D964" s="6"/>
      <c r="E964" s="6"/>
      <c r="F964" s="6"/>
      <c r="G964" s="9">
        <v>1011</v>
      </c>
      <c r="H964" s="13">
        <v>44866</v>
      </c>
    </row>
    <row r="965" spans="1:8" ht="13.15" customHeight="1" x14ac:dyDescent="0.15">
      <c r="A965" s="6">
        <v>964</v>
      </c>
      <c r="B965" s="6" t="s">
        <v>2817</v>
      </c>
      <c r="C965" s="6" t="s">
        <v>2815</v>
      </c>
      <c r="D965" s="6"/>
      <c r="E965" s="6" t="s">
        <v>2814</v>
      </c>
      <c r="F965" s="6" t="s">
        <v>2816</v>
      </c>
      <c r="G965" s="9">
        <v>1012</v>
      </c>
      <c r="H965" s="13">
        <v>44866</v>
      </c>
    </row>
    <row r="966" spans="1:8" ht="13.15" customHeight="1" x14ac:dyDescent="0.15">
      <c r="A966" s="6">
        <v>965</v>
      </c>
      <c r="B966" s="6" t="s">
        <v>1212</v>
      </c>
      <c r="C966" s="6" t="s">
        <v>2818</v>
      </c>
      <c r="D966" s="6"/>
      <c r="E966" s="6"/>
      <c r="F966" s="6"/>
      <c r="G966" s="9">
        <v>1013</v>
      </c>
      <c r="H966" s="13">
        <v>44866</v>
      </c>
    </row>
    <row r="967" spans="1:8" ht="13.15" customHeight="1" x14ac:dyDescent="0.15">
      <c r="A967" s="6">
        <v>966</v>
      </c>
      <c r="B967" s="6" t="s">
        <v>2819</v>
      </c>
      <c r="C967" s="6" t="s">
        <v>2820</v>
      </c>
      <c r="D967" s="6" t="s">
        <v>2821</v>
      </c>
      <c r="E967" s="6"/>
      <c r="F967" s="6"/>
      <c r="G967" s="9">
        <v>1014</v>
      </c>
      <c r="H967" s="13">
        <v>44867</v>
      </c>
    </row>
    <row r="968" spans="1:8" s="7" customFormat="1" ht="13.15" customHeight="1" x14ac:dyDescent="0.15">
      <c r="A968" s="6">
        <v>967</v>
      </c>
      <c r="B968" s="6" t="s">
        <v>2822</v>
      </c>
      <c r="C968" s="6" t="s">
        <v>2823</v>
      </c>
      <c r="D968" s="6" t="s">
        <v>2505</v>
      </c>
      <c r="E968" s="6" t="s">
        <v>2824</v>
      </c>
      <c r="F968" s="6" t="s">
        <v>2995</v>
      </c>
      <c r="G968" s="9">
        <v>1015</v>
      </c>
      <c r="H968" s="13">
        <v>44870</v>
      </c>
    </row>
    <row r="969" spans="1:8" ht="13.15" customHeight="1" x14ac:dyDescent="0.15">
      <c r="A969" s="6">
        <v>968</v>
      </c>
      <c r="B969" s="6" t="s">
        <v>2828</v>
      </c>
      <c r="C969" s="6" t="s">
        <v>2825</v>
      </c>
      <c r="D969" s="6"/>
      <c r="E969" s="6" t="s">
        <v>2826</v>
      </c>
      <c r="F969" s="6" t="s">
        <v>2827</v>
      </c>
      <c r="G969" s="9">
        <v>1016</v>
      </c>
      <c r="H969" s="13">
        <v>44872</v>
      </c>
    </row>
    <row r="970" spans="1:8" ht="13.15" customHeight="1" x14ac:dyDescent="0.15">
      <c r="A970" s="6">
        <v>969</v>
      </c>
      <c r="B970" s="6" t="s">
        <v>2829</v>
      </c>
      <c r="C970" s="6" t="s">
        <v>2830</v>
      </c>
      <c r="D970" s="6" t="s">
        <v>2394</v>
      </c>
      <c r="E970" s="6" t="s">
        <v>2831</v>
      </c>
      <c r="F970" s="6" t="s">
        <v>2832</v>
      </c>
      <c r="G970" s="9">
        <v>1017</v>
      </c>
      <c r="H970" s="13">
        <v>44896</v>
      </c>
    </row>
    <row r="971" spans="1:8" ht="13.15" customHeight="1" x14ac:dyDescent="0.15">
      <c r="A971" s="6">
        <v>970</v>
      </c>
      <c r="B971" s="6" t="s">
        <v>2833</v>
      </c>
      <c r="C971" s="6" t="s">
        <v>2834</v>
      </c>
      <c r="D971" s="6" t="s">
        <v>2835</v>
      </c>
      <c r="E971" s="6" t="s">
        <v>2836</v>
      </c>
      <c r="F971" s="6" t="s">
        <v>2837</v>
      </c>
      <c r="G971" s="9">
        <v>1018</v>
      </c>
      <c r="H971" s="13">
        <v>44882</v>
      </c>
    </row>
    <row r="972" spans="1:8" ht="13.15" customHeight="1" x14ac:dyDescent="0.15">
      <c r="A972" s="6">
        <v>971</v>
      </c>
      <c r="B972" s="6" t="s">
        <v>2838</v>
      </c>
      <c r="C972" s="6" t="s">
        <v>2839</v>
      </c>
      <c r="D972" s="6" t="s">
        <v>2394</v>
      </c>
      <c r="E972" s="6"/>
      <c r="F972" s="6"/>
      <c r="G972" s="9">
        <v>1019</v>
      </c>
      <c r="H972" s="13">
        <v>44888</v>
      </c>
    </row>
    <row r="973" spans="1:8" ht="13.15" customHeight="1" x14ac:dyDescent="0.15">
      <c r="A973" s="6">
        <v>972</v>
      </c>
      <c r="B973" s="6" t="s">
        <v>2840</v>
      </c>
      <c r="C973" s="6" t="s">
        <v>2841</v>
      </c>
      <c r="D973" s="6" t="s">
        <v>2505</v>
      </c>
      <c r="E973" s="6"/>
      <c r="F973" s="6"/>
      <c r="G973" s="9">
        <v>1020</v>
      </c>
      <c r="H973" s="13">
        <v>44885</v>
      </c>
    </row>
    <row r="974" spans="1:8" ht="13.15" customHeight="1" x14ac:dyDescent="0.15">
      <c r="A974" s="6">
        <v>973</v>
      </c>
      <c r="B974" s="6" t="s">
        <v>2843</v>
      </c>
      <c r="C974" s="6" t="s">
        <v>2844</v>
      </c>
      <c r="D974" s="6" t="s">
        <v>2845</v>
      </c>
      <c r="E974" s="6"/>
      <c r="F974" s="6"/>
      <c r="G974" s="9">
        <v>1021</v>
      </c>
      <c r="H974" s="13">
        <v>44920</v>
      </c>
    </row>
    <row r="975" spans="1:8" ht="13.15" customHeight="1" x14ac:dyDescent="0.15">
      <c r="A975" s="6">
        <v>974</v>
      </c>
      <c r="B975" s="6" t="s">
        <v>2846</v>
      </c>
      <c r="C975" s="6" t="s">
        <v>2847</v>
      </c>
      <c r="D975" s="6" t="s">
        <v>2848</v>
      </c>
      <c r="E975" s="6"/>
      <c r="F975" s="6"/>
      <c r="G975" s="9">
        <v>1022</v>
      </c>
      <c r="H975" s="13">
        <v>44934</v>
      </c>
    </row>
    <row r="976" spans="1:8" ht="13.15" customHeight="1" x14ac:dyDescent="0.15">
      <c r="A976" s="6">
        <v>975</v>
      </c>
      <c r="B976" s="6" t="s">
        <v>2849</v>
      </c>
      <c r="C976" s="6" t="s">
        <v>2850</v>
      </c>
      <c r="D976" s="6" t="s">
        <v>2851</v>
      </c>
      <c r="E976" s="6"/>
      <c r="F976" s="6"/>
      <c r="G976" s="9">
        <v>1023</v>
      </c>
      <c r="H976" s="13">
        <v>44937</v>
      </c>
    </row>
    <row r="977" spans="1:8" ht="13.15" customHeight="1" x14ac:dyDescent="0.15">
      <c r="A977" s="6">
        <v>976</v>
      </c>
      <c r="B977" s="6" t="s">
        <v>2852</v>
      </c>
      <c r="C977" s="6" t="s">
        <v>2853</v>
      </c>
      <c r="D977" s="6"/>
      <c r="E977" s="6"/>
      <c r="F977" s="6"/>
      <c r="G977" s="9">
        <v>1024</v>
      </c>
      <c r="H977" s="13">
        <v>44942</v>
      </c>
    </row>
    <row r="978" spans="1:8" ht="13.15" customHeight="1" x14ac:dyDescent="0.15">
      <c r="A978" s="6">
        <v>977</v>
      </c>
      <c r="B978" s="6" t="s">
        <v>2854</v>
      </c>
      <c r="C978" s="6" t="s">
        <v>2855</v>
      </c>
      <c r="D978" s="6"/>
      <c r="E978" s="6"/>
      <c r="F978" s="6"/>
      <c r="G978" s="9">
        <v>1025</v>
      </c>
      <c r="H978" s="13">
        <v>45017</v>
      </c>
    </row>
    <row r="979" spans="1:8" ht="13.15" customHeight="1" x14ac:dyDescent="0.15">
      <c r="A979" s="6">
        <v>978</v>
      </c>
      <c r="B979" s="6" t="s">
        <v>2856</v>
      </c>
      <c r="C979" s="6" t="s">
        <v>2857</v>
      </c>
      <c r="D979" s="6"/>
      <c r="E979" s="6"/>
      <c r="F979" s="6"/>
      <c r="G979" s="9">
        <v>1026</v>
      </c>
      <c r="H979" s="13">
        <v>44947</v>
      </c>
    </row>
    <row r="980" spans="1:8" ht="13.15" customHeight="1" x14ac:dyDescent="0.15">
      <c r="A980" s="6">
        <v>979</v>
      </c>
      <c r="B980" s="6" t="s">
        <v>2858</v>
      </c>
      <c r="C980" s="6" t="s">
        <v>2859</v>
      </c>
      <c r="D980" s="6" t="s">
        <v>2860</v>
      </c>
      <c r="E980" s="6"/>
      <c r="F980" s="6"/>
      <c r="G980" s="9">
        <v>1027</v>
      </c>
      <c r="H980" s="13">
        <v>44947</v>
      </c>
    </row>
    <row r="981" spans="1:8" ht="13.15" customHeight="1" x14ac:dyDescent="0.15">
      <c r="A981" s="6">
        <v>980</v>
      </c>
      <c r="B981" s="6" t="s">
        <v>2861</v>
      </c>
      <c r="C981" s="6" t="s">
        <v>2862</v>
      </c>
      <c r="D981" s="6"/>
      <c r="E981" s="6" t="s">
        <v>2786</v>
      </c>
      <c r="F981" s="6" t="s">
        <v>2546</v>
      </c>
      <c r="G981" s="9">
        <v>1028</v>
      </c>
      <c r="H981" s="13">
        <v>44961</v>
      </c>
    </row>
    <row r="982" spans="1:8" ht="13.15" customHeight="1" x14ac:dyDescent="0.15">
      <c r="A982" s="6">
        <v>981</v>
      </c>
      <c r="B982" s="6" t="s">
        <v>2865</v>
      </c>
      <c r="C982" s="6" t="s">
        <v>2863</v>
      </c>
      <c r="D982" s="6" t="s">
        <v>2864</v>
      </c>
      <c r="E982" s="6"/>
      <c r="F982" s="6"/>
      <c r="G982" s="9">
        <v>1029</v>
      </c>
      <c r="H982" s="13">
        <v>44964</v>
      </c>
    </row>
    <row r="983" spans="1:8" ht="13.15" customHeight="1" x14ac:dyDescent="0.15">
      <c r="A983" s="6">
        <v>982</v>
      </c>
      <c r="B983" s="6" t="s">
        <v>2866</v>
      </c>
      <c r="C983" s="6" t="s">
        <v>2467</v>
      </c>
      <c r="D983" s="6"/>
      <c r="E983" s="6"/>
      <c r="F983" s="6"/>
      <c r="G983" s="9">
        <v>1030</v>
      </c>
      <c r="H983" s="13">
        <v>44970</v>
      </c>
    </row>
    <row r="984" spans="1:8" ht="13.15" customHeight="1" x14ac:dyDescent="0.15">
      <c r="A984" s="6">
        <v>983</v>
      </c>
      <c r="B984" s="6" t="s">
        <v>2867</v>
      </c>
      <c r="C984" s="6" t="s">
        <v>2868</v>
      </c>
      <c r="D984" s="6" t="s">
        <v>2505</v>
      </c>
      <c r="E984" s="6"/>
      <c r="F984" s="6"/>
      <c r="G984" s="9">
        <v>1031</v>
      </c>
      <c r="H984" s="13">
        <v>45006</v>
      </c>
    </row>
    <row r="985" spans="1:8" ht="13.15" customHeight="1" x14ac:dyDescent="0.15">
      <c r="A985" s="6">
        <v>984</v>
      </c>
      <c r="B985" s="6" t="s">
        <v>2869</v>
      </c>
      <c r="C985" s="6" t="s">
        <v>2839</v>
      </c>
      <c r="D985" s="6"/>
      <c r="E985" s="6"/>
      <c r="F985" s="6"/>
      <c r="G985" s="9">
        <v>1032</v>
      </c>
      <c r="H985" s="13">
        <v>44973</v>
      </c>
    </row>
    <row r="986" spans="1:8" ht="13.15" customHeight="1" x14ac:dyDescent="0.15">
      <c r="A986" s="6">
        <v>985</v>
      </c>
      <c r="B986" s="6" t="s">
        <v>2872</v>
      </c>
      <c r="C986" s="6" t="s">
        <v>2870</v>
      </c>
      <c r="D986" s="6" t="s">
        <v>2871</v>
      </c>
      <c r="E986" s="6"/>
      <c r="F986" s="6"/>
      <c r="G986" s="9">
        <v>1033</v>
      </c>
      <c r="H986" s="13">
        <v>44980</v>
      </c>
    </row>
    <row r="987" spans="1:8" ht="13.15" customHeight="1" x14ac:dyDescent="0.15">
      <c r="A987" s="6">
        <v>986</v>
      </c>
      <c r="B987" s="6" t="s">
        <v>2873</v>
      </c>
      <c r="C987" s="6" t="s">
        <v>2874</v>
      </c>
      <c r="D987" s="6" t="s">
        <v>2875</v>
      </c>
      <c r="E987" s="6"/>
      <c r="F987" s="6"/>
      <c r="G987" s="9">
        <v>1034</v>
      </c>
      <c r="H987" s="13">
        <v>45012</v>
      </c>
    </row>
    <row r="988" spans="1:8" ht="13.15" customHeight="1" x14ac:dyDescent="0.15">
      <c r="A988" s="6">
        <v>987</v>
      </c>
      <c r="B988" s="6" t="s">
        <v>2877</v>
      </c>
      <c r="C988" s="6" t="s">
        <v>2876</v>
      </c>
      <c r="D988" s="6"/>
      <c r="E988" s="6"/>
      <c r="F988" s="6"/>
      <c r="G988" s="9">
        <v>1035</v>
      </c>
      <c r="H988" s="13">
        <v>45031</v>
      </c>
    </row>
    <row r="989" spans="1:8" ht="13.15" customHeight="1" x14ac:dyDescent="0.15">
      <c r="A989" s="6">
        <v>988</v>
      </c>
      <c r="B989" s="6" t="s">
        <v>2878</v>
      </c>
      <c r="C989" s="6" t="s">
        <v>2879</v>
      </c>
      <c r="D989" s="6"/>
      <c r="E989" s="6"/>
      <c r="F989" s="6"/>
      <c r="G989" s="9">
        <v>1036</v>
      </c>
      <c r="H989" s="13">
        <v>45030</v>
      </c>
    </row>
    <row r="990" spans="1:8" ht="13.15" customHeight="1" x14ac:dyDescent="0.15">
      <c r="A990" s="6">
        <v>989</v>
      </c>
      <c r="B990" s="6" t="s">
        <v>2882</v>
      </c>
      <c r="C990" s="6" t="s">
        <v>2880</v>
      </c>
      <c r="D990" s="6"/>
      <c r="E990" s="6" t="s">
        <v>2883</v>
      </c>
      <c r="F990" s="6" t="s">
        <v>2881</v>
      </c>
      <c r="G990" s="9">
        <v>1037</v>
      </c>
      <c r="H990" s="13">
        <v>45029</v>
      </c>
    </row>
    <row r="991" spans="1:8" x14ac:dyDescent="0.15">
      <c r="A991" s="6">
        <v>990</v>
      </c>
      <c r="B991" s="6" t="s">
        <v>2884</v>
      </c>
      <c r="C991" s="6" t="s">
        <v>2885</v>
      </c>
      <c r="D991" s="6"/>
      <c r="E991" s="6"/>
      <c r="F991" s="6"/>
      <c r="G991" s="9">
        <v>1038</v>
      </c>
      <c r="H991" s="13">
        <v>45030</v>
      </c>
    </row>
    <row r="992" spans="1:8" ht="13.15" customHeight="1" x14ac:dyDescent="0.15">
      <c r="A992" s="6">
        <v>991</v>
      </c>
      <c r="B992" s="6" t="s">
        <v>2886</v>
      </c>
      <c r="C992" s="6" t="s">
        <v>2887</v>
      </c>
      <c r="D992" s="6"/>
      <c r="E992" s="6"/>
      <c r="F992" s="6"/>
      <c r="G992" s="9">
        <v>1039</v>
      </c>
      <c r="H992" s="13">
        <v>45036</v>
      </c>
    </row>
    <row r="993" spans="1:8" ht="13.15" customHeight="1" x14ac:dyDescent="0.15">
      <c r="A993" s="6">
        <v>992</v>
      </c>
      <c r="B993" s="6" t="s">
        <v>2487</v>
      </c>
      <c r="C993" s="6" t="s">
        <v>2486</v>
      </c>
      <c r="D993" s="6"/>
      <c r="E993" s="6"/>
      <c r="F993" s="6"/>
      <c r="G993" s="9">
        <v>1040</v>
      </c>
      <c r="H993" s="13">
        <v>45037</v>
      </c>
    </row>
    <row r="994" spans="1:8" ht="13.15" customHeight="1" x14ac:dyDescent="0.15">
      <c r="A994" s="6">
        <v>993</v>
      </c>
      <c r="B994" s="6" t="s">
        <v>2890</v>
      </c>
      <c r="C994" s="6" t="s">
        <v>2888</v>
      </c>
      <c r="D994" s="6"/>
      <c r="E994" s="6"/>
      <c r="F994" s="6"/>
      <c r="G994" s="9">
        <v>1041</v>
      </c>
      <c r="H994" s="13">
        <v>45038</v>
      </c>
    </row>
    <row r="995" spans="1:8" ht="13.15" customHeight="1" x14ac:dyDescent="0.15">
      <c r="A995" s="6">
        <v>994</v>
      </c>
      <c r="B995" s="6" t="s">
        <v>2891</v>
      </c>
      <c r="C995" s="6" t="s">
        <v>2892</v>
      </c>
      <c r="D995" s="6" t="s">
        <v>2505</v>
      </c>
      <c r="E995" s="6"/>
      <c r="F995" s="6"/>
      <c r="G995" s="9">
        <v>1042</v>
      </c>
      <c r="H995" s="13">
        <v>45044</v>
      </c>
    </row>
    <row r="996" spans="1:8" ht="13.15" customHeight="1" x14ac:dyDescent="0.15">
      <c r="A996" s="6">
        <v>995</v>
      </c>
      <c r="B996" s="6" t="s">
        <v>2894</v>
      </c>
      <c r="C996" s="6" t="s">
        <v>1505</v>
      </c>
      <c r="D996" s="6"/>
      <c r="E996" s="6" t="s">
        <v>2894</v>
      </c>
      <c r="F996" s="6" t="s">
        <v>1505</v>
      </c>
      <c r="G996" s="9">
        <v>1043</v>
      </c>
      <c r="H996" s="13">
        <v>45044</v>
      </c>
    </row>
    <row r="997" spans="1:8" x14ac:dyDescent="0.15">
      <c r="A997" s="6">
        <v>996</v>
      </c>
      <c r="B997" s="6" t="s">
        <v>2895</v>
      </c>
      <c r="C997" s="6" t="s">
        <v>2896</v>
      </c>
      <c r="D997" s="6"/>
      <c r="E997" s="6"/>
      <c r="F997" s="6"/>
      <c r="G997" s="9">
        <v>1044</v>
      </c>
      <c r="H997" s="13">
        <v>45051</v>
      </c>
    </row>
    <row r="998" spans="1:8" x14ac:dyDescent="0.15">
      <c r="A998" s="6">
        <v>997</v>
      </c>
      <c r="B998" s="6" t="s">
        <v>2895</v>
      </c>
      <c r="C998" s="6" t="s">
        <v>2896</v>
      </c>
      <c r="D998" s="6"/>
      <c r="E998" s="6"/>
      <c r="F998" s="6"/>
      <c r="G998" s="9">
        <v>1045</v>
      </c>
      <c r="H998" s="13">
        <v>45056</v>
      </c>
    </row>
    <row r="999" spans="1:8" ht="13.15" customHeight="1" x14ac:dyDescent="0.15">
      <c r="A999" s="6">
        <v>998</v>
      </c>
      <c r="B999" s="6" t="s">
        <v>2902</v>
      </c>
      <c r="C999" s="6" t="s">
        <v>2903</v>
      </c>
      <c r="D999" s="6" t="s">
        <v>2904</v>
      </c>
      <c r="E999" s="6"/>
      <c r="F999" s="6"/>
      <c r="G999" s="9">
        <v>1046</v>
      </c>
      <c r="H999" s="13">
        <v>45054</v>
      </c>
    </row>
    <row r="1000" spans="1:8" ht="13.15" customHeight="1" x14ac:dyDescent="0.15">
      <c r="A1000" s="6">
        <v>999</v>
      </c>
      <c r="B1000" s="6" t="s">
        <v>2897</v>
      </c>
      <c r="C1000" s="6" t="s">
        <v>2898</v>
      </c>
      <c r="D1000" s="6" t="s">
        <v>2899</v>
      </c>
      <c r="E1000" s="6" t="s">
        <v>2900</v>
      </c>
      <c r="F1000" s="6" t="s">
        <v>2901</v>
      </c>
      <c r="G1000" s="9">
        <v>1047</v>
      </c>
      <c r="H1000" s="13">
        <v>45052</v>
      </c>
    </row>
    <row r="1001" spans="1:8" x14ac:dyDescent="0.15">
      <c r="A1001" s="6">
        <v>1000</v>
      </c>
      <c r="B1001" s="6" t="s">
        <v>2905</v>
      </c>
      <c r="C1001" s="6" t="s">
        <v>2906</v>
      </c>
      <c r="D1001" s="6"/>
      <c r="E1001" s="6"/>
      <c r="F1001" s="6"/>
      <c r="G1001" s="9">
        <v>1048</v>
      </c>
      <c r="H1001" s="13">
        <v>45079</v>
      </c>
    </row>
    <row r="1002" spans="1:8" x14ac:dyDescent="0.15">
      <c r="A1002" s="6">
        <v>1001</v>
      </c>
      <c r="B1002" s="6" t="s">
        <v>2907</v>
      </c>
      <c r="C1002" s="6" t="s">
        <v>2908</v>
      </c>
      <c r="D1002" s="6"/>
      <c r="E1002" s="6" t="s">
        <v>2911</v>
      </c>
      <c r="F1002" s="6" t="s">
        <v>2909</v>
      </c>
      <c r="G1002" s="9">
        <v>1049</v>
      </c>
      <c r="H1002" s="13">
        <v>45078</v>
      </c>
    </row>
    <row r="1003" spans="1:8" x14ac:dyDescent="0.15">
      <c r="A1003" s="6">
        <v>1002</v>
      </c>
      <c r="B1003" s="6" t="s">
        <v>2912</v>
      </c>
      <c r="C1003" s="6" t="s">
        <v>2910</v>
      </c>
      <c r="D1003" s="6"/>
      <c r="E1003" s="6"/>
      <c r="F1003" s="6"/>
      <c r="G1003" s="9">
        <v>1050</v>
      </c>
      <c r="H1003" s="13">
        <v>45079</v>
      </c>
    </row>
    <row r="1004" spans="1:8" x14ac:dyDescent="0.15">
      <c r="A1004" s="6">
        <v>1003</v>
      </c>
      <c r="B1004" s="6" t="s">
        <v>2913</v>
      </c>
      <c r="C1004" s="6" t="s">
        <v>2914</v>
      </c>
      <c r="D1004" s="6"/>
      <c r="E1004" s="6"/>
      <c r="F1004" s="6"/>
      <c r="G1004" s="9">
        <v>1051</v>
      </c>
      <c r="H1004" s="13">
        <v>45082</v>
      </c>
    </row>
    <row r="1005" spans="1:8" x14ac:dyDescent="0.15">
      <c r="A1005" s="6">
        <v>1004</v>
      </c>
      <c r="B1005" s="6" t="s">
        <v>2915</v>
      </c>
      <c r="C1005" s="6" t="s">
        <v>2916</v>
      </c>
      <c r="D1005" s="6" t="s">
        <v>2917</v>
      </c>
      <c r="E1005" s="6"/>
      <c r="F1005" s="6"/>
      <c r="G1005" s="9">
        <v>1052</v>
      </c>
      <c r="H1005" s="13">
        <v>45103</v>
      </c>
    </row>
    <row r="1006" spans="1:8" x14ac:dyDescent="0.15">
      <c r="A1006" s="6">
        <v>1005</v>
      </c>
      <c r="B1006" s="6" t="s">
        <v>2918</v>
      </c>
      <c r="C1006" s="6" t="s">
        <v>2919</v>
      </c>
      <c r="D1006" s="6" t="s">
        <v>2920</v>
      </c>
      <c r="E1006" s="6"/>
      <c r="F1006" s="6"/>
      <c r="G1006" s="9">
        <v>1053</v>
      </c>
      <c r="H1006" s="13">
        <v>45101</v>
      </c>
    </row>
    <row r="1007" spans="1:8" x14ac:dyDescent="0.15">
      <c r="A1007" s="6">
        <v>1006</v>
      </c>
      <c r="B1007" s="6" t="s">
        <v>2922</v>
      </c>
      <c r="C1007" s="6" t="s">
        <v>2923</v>
      </c>
      <c r="D1007" s="6" t="s">
        <v>2921</v>
      </c>
      <c r="E1007" s="6"/>
      <c r="F1007" s="6"/>
      <c r="G1007" s="9">
        <v>1054</v>
      </c>
      <c r="H1007" s="13">
        <v>45108</v>
      </c>
    </row>
    <row r="1008" spans="1:8" x14ac:dyDescent="0.15">
      <c r="A1008" s="6">
        <v>1007</v>
      </c>
      <c r="B1008" s="6" t="s">
        <v>2924</v>
      </c>
      <c r="C1008" s="6" t="s">
        <v>2925</v>
      </c>
      <c r="D1008" s="6" t="s">
        <v>2926</v>
      </c>
      <c r="E1008" s="6"/>
      <c r="F1008" s="6"/>
      <c r="G1008" s="9">
        <v>1055</v>
      </c>
      <c r="H1008" s="13">
        <v>45108</v>
      </c>
    </row>
    <row r="1009" spans="1:8" x14ac:dyDescent="0.15">
      <c r="A1009" s="6">
        <v>1008</v>
      </c>
      <c r="B1009" s="6" t="s">
        <v>2927</v>
      </c>
      <c r="C1009" s="6" t="s">
        <v>2928</v>
      </c>
      <c r="D1009" s="6"/>
      <c r="E1009" s="6"/>
      <c r="F1009" s="6"/>
      <c r="G1009" s="9">
        <v>1056</v>
      </c>
      <c r="H1009" s="13">
        <v>45113</v>
      </c>
    </row>
    <row r="1010" spans="1:8" x14ac:dyDescent="0.15">
      <c r="A1010" s="6">
        <v>1009</v>
      </c>
      <c r="B1010" s="6" t="s">
        <v>2929</v>
      </c>
      <c r="C1010" s="6" t="s">
        <v>2930</v>
      </c>
      <c r="D1010" s="6"/>
      <c r="E1010" s="6" t="s">
        <v>2929</v>
      </c>
      <c r="F1010" s="6" t="s">
        <v>2485</v>
      </c>
      <c r="G1010" s="9">
        <v>1057</v>
      </c>
      <c r="H1010" s="13">
        <v>45112</v>
      </c>
    </row>
    <row r="1011" spans="1:8" x14ac:dyDescent="0.15">
      <c r="A1011" s="6">
        <v>1010</v>
      </c>
      <c r="B1011" s="6" t="s">
        <v>2935</v>
      </c>
      <c r="C1011" s="6" t="s">
        <v>2936</v>
      </c>
      <c r="D1011" s="6"/>
      <c r="E1011" s="6" t="s">
        <v>2937</v>
      </c>
      <c r="F1011" s="6" t="s">
        <v>2938</v>
      </c>
      <c r="G1011" s="9">
        <v>1058</v>
      </c>
      <c r="H1011" s="13">
        <v>45126</v>
      </c>
    </row>
    <row r="1012" spans="1:8" x14ac:dyDescent="0.15">
      <c r="A1012" s="6">
        <v>1011</v>
      </c>
      <c r="B1012" s="6" t="s">
        <v>2939</v>
      </c>
      <c r="C1012" s="6" t="s">
        <v>2940</v>
      </c>
      <c r="D1012" s="6"/>
      <c r="E1012" s="6"/>
      <c r="F1012" s="6"/>
      <c r="G1012" s="9">
        <v>1059</v>
      </c>
      <c r="H1012" s="13">
        <v>45142</v>
      </c>
    </row>
    <row r="1013" spans="1:8" x14ac:dyDescent="0.15">
      <c r="A1013" s="6">
        <v>1012</v>
      </c>
      <c r="B1013" s="6" t="s">
        <v>2941</v>
      </c>
      <c r="C1013" s="6" t="s">
        <v>2942</v>
      </c>
      <c r="D1013" s="6" t="s">
        <v>2943</v>
      </c>
      <c r="E1013" s="6"/>
      <c r="F1013" s="6"/>
      <c r="G1013" s="9">
        <v>1060</v>
      </c>
      <c r="H1013" s="13">
        <v>45135</v>
      </c>
    </row>
    <row r="1014" spans="1:8" x14ac:dyDescent="0.15">
      <c r="A1014" s="6">
        <v>1013</v>
      </c>
      <c r="B1014" s="6" t="s">
        <v>2944</v>
      </c>
      <c r="C1014" s="6" t="s">
        <v>2945</v>
      </c>
      <c r="D1014" s="6" t="s">
        <v>2946</v>
      </c>
      <c r="E1014" s="6"/>
      <c r="F1014" s="6"/>
      <c r="G1014" s="9">
        <v>1061</v>
      </c>
      <c r="H1014" s="13">
        <v>45148</v>
      </c>
    </row>
    <row r="1015" spans="1:8" x14ac:dyDescent="0.15">
      <c r="A1015" s="6">
        <v>1014</v>
      </c>
      <c r="B1015" s="6" t="s">
        <v>2947</v>
      </c>
      <c r="C1015" s="6" t="s">
        <v>2948</v>
      </c>
      <c r="D1015" s="6" t="s">
        <v>2949</v>
      </c>
      <c r="E1015" s="6"/>
      <c r="F1015" s="6"/>
      <c r="G1015" s="9">
        <v>1062</v>
      </c>
      <c r="H1015" s="13">
        <v>45152</v>
      </c>
    </row>
    <row r="1016" spans="1:8" x14ac:dyDescent="0.15">
      <c r="A1016" s="6">
        <v>1015</v>
      </c>
      <c r="B1016" s="6" t="s">
        <v>2950</v>
      </c>
      <c r="C1016" s="6" t="s">
        <v>2951</v>
      </c>
      <c r="D1016" s="6" t="s">
        <v>2952</v>
      </c>
      <c r="E1016" s="6"/>
      <c r="F1016" s="6"/>
      <c r="G1016" s="9">
        <v>1063</v>
      </c>
      <c r="H1016" s="13">
        <v>45156</v>
      </c>
    </row>
    <row r="1017" spans="1:8" x14ac:dyDescent="0.15">
      <c r="A1017" s="6">
        <v>1016</v>
      </c>
      <c r="B1017" s="6" t="s">
        <v>2955</v>
      </c>
      <c r="C1017" s="6" t="s">
        <v>2953</v>
      </c>
      <c r="D1017" s="6" t="s">
        <v>2954</v>
      </c>
      <c r="E1017" s="6"/>
      <c r="F1017" s="6"/>
      <c r="G1017" s="9">
        <v>1064</v>
      </c>
      <c r="H1017" s="13">
        <v>45164</v>
      </c>
    </row>
    <row r="1018" spans="1:8" x14ac:dyDescent="0.15">
      <c r="A1018" s="6">
        <v>1017</v>
      </c>
      <c r="B1018" s="6" t="s">
        <v>2956</v>
      </c>
      <c r="C1018" s="6" t="s">
        <v>2957</v>
      </c>
      <c r="D1018" s="6"/>
      <c r="E1018" s="6" t="s">
        <v>2958</v>
      </c>
      <c r="F1018" s="6" t="s">
        <v>2959</v>
      </c>
      <c r="G1018" s="9">
        <v>1065</v>
      </c>
      <c r="H1018" s="13">
        <v>45164</v>
      </c>
    </row>
    <row r="1019" spans="1:8" x14ac:dyDescent="0.15">
      <c r="A1019" s="6">
        <v>1018</v>
      </c>
      <c r="B1019" s="6" t="s">
        <v>2960</v>
      </c>
      <c r="C1019" s="6" t="s">
        <v>2961</v>
      </c>
      <c r="D1019" s="6" t="s">
        <v>2962</v>
      </c>
      <c r="E1019" s="6"/>
      <c r="F1019" s="6"/>
      <c r="G1019" s="9">
        <v>1066</v>
      </c>
      <c r="H1019" s="13">
        <v>45170</v>
      </c>
    </row>
    <row r="1020" spans="1:8" x14ac:dyDescent="0.15">
      <c r="A1020" s="6">
        <v>1019</v>
      </c>
      <c r="B1020" s="6" t="s">
        <v>2964</v>
      </c>
      <c r="C1020" s="6" t="s">
        <v>2965</v>
      </c>
      <c r="D1020" s="6"/>
      <c r="E1020" s="6"/>
      <c r="F1020" s="6"/>
      <c r="G1020" s="9">
        <v>1067</v>
      </c>
      <c r="H1020" s="13">
        <v>45182</v>
      </c>
    </row>
    <row r="1021" spans="1:8" x14ac:dyDescent="0.15">
      <c r="A1021" s="6">
        <v>1020</v>
      </c>
      <c r="B1021" s="6" t="s">
        <v>2966</v>
      </c>
      <c r="C1021" s="6" t="s">
        <v>2967</v>
      </c>
      <c r="D1021" s="6" t="s">
        <v>2968</v>
      </c>
      <c r="E1021" s="6"/>
      <c r="F1021" s="6"/>
      <c r="G1021" s="9">
        <v>1068</v>
      </c>
      <c r="H1021" s="13">
        <v>45190</v>
      </c>
    </row>
    <row r="1022" spans="1:8" x14ac:dyDescent="0.15">
      <c r="A1022" s="6">
        <v>1021</v>
      </c>
      <c r="B1022" s="6" t="s">
        <v>2620</v>
      </c>
      <c r="C1022" s="6" t="s">
        <v>2969</v>
      </c>
      <c r="D1022" s="6"/>
      <c r="E1022" s="6"/>
      <c r="F1022" s="6"/>
      <c r="G1022" s="9">
        <v>1069</v>
      </c>
      <c r="H1022" s="13">
        <v>45183</v>
      </c>
    </row>
    <row r="1023" spans="1:8" x14ac:dyDescent="0.15">
      <c r="A1023" s="6">
        <v>1022</v>
      </c>
      <c r="B1023" s="6" t="s">
        <v>2983</v>
      </c>
      <c r="C1023" s="6" t="s">
        <v>2970</v>
      </c>
      <c r="D1023" s="6"/>
      <c r="E1023" s="6"/>
      <c r="F1023" s="6"/>
      <c r="G1023" s="9">
        <v>1070</v>
      </c>
      <c r="H1023" s="13">
        <v>45187</v>
      </c>
    </row>
    <row r="1024" spans="1:8" x14ac:dyDescent="0.15">
      <c r="A1024" s="6">
        <v>1023</v>
      </c>
      <c r="B1024" s="6" t="s">
        <v>2447</v>
      </c>
      <c r="C1024" s="6" t="s">
        <v>2445</v>
      </c>
      <c r="D1024" s="6" t="s">
        <v>2446</v>
      </c>
      <c r="E1024" s="6" t="s">
        <v>2971</v>
      </c>
      <c r="F1024" s="6" t="s">
        <v>2445</v>
      </c>
      <c r="G1024" s="9">
        <v>1071</v>
      </c>
      <c r="H1024" s="13">
        <v>45186</v>
      </c>
    </row>
    <row r="1025" spans="1:8" x14ac:dyDescent="0.15">
      <c r="A1025" s="6">
        <v>1024</v>
      </c>
      <c r="B1025" s="6" t="s">
        <v>2977</v>
      </c>
      <c r="C1025" s="6" t="s">
        <v>2972</v>
      </c>
      <c r="D1025" s="6"/>
      <c r="E1025" s="6"/>
      <c r="F1025" s="6"/>
      <c r="G1025" s="9">
        <v>1072</v>
      </c>
      <c r="H1025" s="13">
        <v>45185</v>
      </c>
    </row>
    <row r="1026" spans="1:8" x14ac:dyDescent="0.15">
      <c r="A1026" s="6">
        <v>1025</v>
      </c>
      <c r="B1026" s="6" t="s">
        <v>2973</v>
      </c>
      <c r="C1026" s="6" t="s">
        <v>2974</v>
      </c>
      <c r="D1026" s="6"/>
      <c r="E1026" s="6"/>
      <c r="F1026" s="6"/>
      <c r="G1026" s="9">
        <v>1073</v>
      </c>
      <c r="H1026" s="13">
        <v>45185</v>
      </c>
    </row>
    <row r="1027" spans="1:8" x14ac:dyDescent="0.15">
      <c r="A1027" s="6">
        <v>1026</v>
      </c>
      <c r="B1027" s="6" t="s">
        <v>2975</v>
      </c>
      <c r="C1027" s="6" t="s">
        <v>2976</v>
      </c>
      <c r="D1027" s="6"/>
      <c r="E1027" s="6"/>
      <c r="F1027" s="6"/>
      <c r="G1027" s="9">
        <v>1074</v>
      </c>
      <c r="H1027" s="13">
        <v>45185</v>
      </c>
    </row>
    <row r="1028" spans="1:8" x14ac:dyDescent="0.15">
      <c r="A1028" s="6">
        <v>1027</v>
      </c>
      <c r="B1028" s="6" t="s">
        <v>2981</v>
      </c>
      <c r="C1028" s="6" t="s">
        <v>2621</v>
      </c>
      <c r="D1028" s="6" t="s">
        <v>2978</v>
      </c>
      <c r="E1028" s="6" t="s">
        <v>2979</v>
      </c>
      <c r="F1028" s="6" t="s">
        <v>2980</v>
      </c>
      <c r="G1028" s="9">
        <v>1075</v>
      </c>
      <c r="H1028" s="13">
        <v>45194</v>
      </c>
    </row>
    <row r="1029" spans="1:8" x14ac:dyDescent="0.15">
      <c r="A1029" s="6">
        <v>1028</v>
      </c>
      <c r="B1029" s="6" t="s">
        <v>2998</v>
      </c>
      <c r="C1029" s="6" t="s">
        <v>2999</v>
      </c>
      <c r="D1029" s="6"/>
      <c r="E1029" s="6"/>
      <c r="F1029" s="6"/>
      <c r="G1029" s="9">
        <v>1076</v>
      </c>
      <c r="H1029" s="13">
        <v>45213</v>
      </c>
    </row>
    <row r="1030" spans="1:8" x14ac:dyDescent="0.15">
      <c r="A1030" s="6">
        <v>1029</v>
      </c>
      <c r="B1030" s="6" t="s">
        <v>2986</v>
      </c>
      <c r="C1030" s="6" t="s">
        <v>2988</v>
      </c>
      <c r="D1030" s="6"/>
      <c r="E1030" s="6" t="s">
        <v>2989</v>
      </c>
      <c r="F1030" s="6" t="s">
        <v>2990</v>
      </c>
      <c r="G1030" s="9">
        <v>1077</v>
      </c>
      <c r="H1030" s="13">
        <v>45231</v>
      </c>
    </row>
    <row r="1031" spans="1:8" x14ac:dyDescent="0.15">
      <c r="A1031" s="6">
        <v>1030</v>
      </c>
      <c r="B1031" s="6" t="s">
        <v>2987</v>
      </c>
      <c r="C1031" s="6" t="s">
        <v>2992</v>
      </c>
      <c r="D1031" s="6" t="s">
        <v>2991</v>
      </c>
      <c r="E1031" s="6"/>
      <c r="F1031" s="6"/>
      <c r="G1031" s="9">
        <v>1078</v>
      </c>
      <c r="H1031" s="13">
        <v>45225</v>
      </c>
    </row>
    <row r="1032" spans="1:8" x14ac:dyDescent="0.15">
      <c r="A1032" s="6">
        <v>1031</v>
      </c>
      <c r="B1032" s="6" t="s">
        <v>2993</v>
      </c>
      <c r="C1032" s="6" t="s">
        <v>2994</v>
      </c>
      <c r="D1032" s="6"/>
      <c r="E1032" s="6"/>
      <c r="F1032" s="6"/>
      <c r="G1032" s="9">
        <v>1079</v>
      </c>
      <c r="H1032" s="13">
        <v>45234</v>
      </c>
    </row>
    <row r="1033" spans="1:8" x14ac:dyDescent="0.15">
      <c r="A1033" s="6">
        <v>1032</v>
      </c>
      <c r="B1033" s="6" t="s">
        <v>2996</v>
      </c>
      <c r="C1033" s="6" t="s">
        <v>2997</v>
      </c>
      <c r="D1033" s="6"/>
      <c r="E1033" s="6"/>
      <c r="F1033" s="6"/>
      <c r="G1033" s="9">
        <v>1080</v>
      </c>
      <c r="H1033" s="13">
        <v>45241</v>
      </c>
    </row>
    <row r="1034" spans="1:8" x14ac:dyDescent="0.15">
      <c r="A1034" s="6">
        <v>1033</v>
      </c>
      <c r="B1034" s="6" t="s">
        <v>2984</v>
      </c>
      <c r="C1034" s="6" t="s">
        <v>2985</v>
      </c>
      <c r="D1034" s="6"/>
      <c r="E1034" s="6"/>
      <c r="F1034" s="6"/>
      <c r="G1034" s="9">
        <v>1081</v>
      </c>
      <c r="H1034" s="13">
        <v>45231</v>
      </c>
    </row>
    <row r="1035" spans="1:8" x14ac:dyDescent="0.15">
      <c r="A1035" s="6">
        <v>1034</v>
      </c>
      <c r="B1035" s="6" t="s">
        <v>3000</v>
      </c>
      <c r="C1035" s="6" t="s">
        <v>3001</v>
      </c>
      <c r="D1035" s="6"/>
      <c r="E1035" s="6" t="s">
        <v>3002</v>
      </c>
      <c r="F1035" s="6" t="s">
        <v>3003</v>
      </c>
      <c r="G1035" s="9">
        <v>1082</v>
      </c>
      <c r="H1035" s="13">
        <v>45261</v>
      </c>
    </row>
    <row r="1036" spans="1:8" x14ac:dyDescent="0.15">
      <c r="A1036" s="6">
        <v>1035</v>
      </c>
      <c r="B1036" s="6" t="s">
        <v>3006</v>
      </c>
      <c r="C1036" s="6" t="s">
        <v>3004</v>
      </c>
      <c r="D1036" s="6" t="s">
        <v>3005</v>
      </c>
      <c r="E1036" s="6"/>
      <c r="F1036" s="6"/>
      <c r="G1036" s="9">
        <v>1083</v>
      </c>
      <c r="H1036" s="13">
        <v>45255</v>
      </c>
    </row>
    <row r="1037" spans="1:8" x14ac:dyDescent="0.15">
      <c r="A1037" s="6">
        <v>1036</v>
      </c>
      <c r="B1037" s="6" t="s">
        <v>3007</v>
      </c>
      <c r="C1037" s="6" t="s">
        <v>3008</v>
      </c>
      <c r="D1037" s="6"/>
      <c r="E1037" s="6"/>
      <c r="F1037" s="6"/>
      <c r="G1037" s="9">
        <v>1084</v>
      </c>
      <c r="H1037" s="13">
        <v>45260</v>
      </c>
    </row>
    <row r="1038" spans="1:8" x14ac:dyDescent="0.15">
      <c r="A1038" s="6">
        <v>1037</v>
      </c>
      <c r="B1038" s="6" t="s">
        <v>3012</v>
      </c>
      <c r="C1038" s="6" t="s">
        <v>3009</v>
      </c>
      <c r="D1038" s="6" t="s">
        <v>2601</v>
      </c>
      <c r="E1038" s="6" t="s">
        <v>3010</v>
      </c>
      <c r="F1038" s="6" t="s">
        <v>3011</v>
      </c>
      <c r="G1038" s="9">
        <v>1085</v>
      </c>
      <c r="H1038" s="13">
        <v>45261</v>
      </c>
    </row>
    <row r="1039" spans="1:8" x14ac:dyDescent="0.15">
      <c r="A1039" s="6">
        <v>1038</v>
      </c>
      <c r="B1039" s="6" t="s">
        <v>3013</v>
      </c>
      <c r="C1039" s="6" t="s">
        <v>3014</v>
      </c>
      <c r="D1039" s="6"/>
      <c r="E1039" s="6"/>
      <c r="F1039" s="6"/>
      <c r="G1039" s="9">
        <v>1086</v>
      </c>
      <c r="H1039" s="13">
        <v>45261</v>
      </c>
    </row>
    <row r="1040" spans="1:8" x14ac:dyDescent="0.15">
      <c r="A1040" s="6">
        <v>1039</v>
      </c>
      <c r="B1040" s="6" t="s">
        <v>3025</v>
      </c>
      <c r="C1040" s="6" t="s">
        <v>3016</v>
      </c>
      <c r="D1040" s="6"/>
      <c r="E1040" s="6"/>
      <c r="F1040" s="6"/>
      <c r="G1040" s="9">
        <v>1087</v>
      </c>
      <c r="H1040" s="13">
        <v>45283</v>
      </c>
    </row>
    <row r="1041" spans="1:9" x14ac:dyDescent="0.15">
      <c r="A1041" s="6">
        <v>1040</v>
      </c>
      <c r="B1041" s="6" t="s">
        <v>3017</v>
      </c>
      <c r="C1041" s="6" t="s">
        <v>3018</v>
      </c>
      <c r="D1041" s="6" t="s">
        <v>3019</v>
      </c>
      <c r="E1041" s="6"/>
      <c r="F1041" s="6"/>
      <c r="G1041" s="9">
        <v>1088</v>
      </c>
      <c r="H1041" s="13">
        <v>44929</v>
      </c>
    </row>
    <row r="1042" spans="1:9" x14ac:dyDescent="0.15">
      <c r="A1042" s="6">
        <v>1041</v>
      </c>
      <c r="B1042" s="6" t="s">
        <v>3021</v>
      </c>
      <c r="C1042" s="6" t="s">
        <v>3020</v>
      </c>
      <c r="D1042" s="6"/>
      <c r="E1042" s="6"/>
      <c r="F1042" s="6"/>
      <c r="G1042" s="9">
        <v>1089</v>
      </c>
      <c r="H1042" s="13">
        <v>44932</v>
      </c>
    </row>
    <row r="1043" spans="1:9" x14ac:dyDescent="0.15">
      <c r="A1043" s="6">
        <v>1042</v>
      </c>
      <c r="B1043" s="6" t="s">
        <v>3022</v>
      </c>
      <c r="C1043" s="6" t="s">
        <v>3023</v>
      </c>
      <c r="D1043" s="6" t="s">
        <v>3024</v>
      </c>
      <c r="E1043" s="6"/>
      <c r="F1043" s="6"/>
      <c r="G1043" s="9">
        <v>1090</v>
      </c>
      <c r="H1043" s="13">
        <v>45292</v>
      </c>
    </row>
    <row r="1044" spans="1:9" x14ac:dyDescent="0.15">
      <c r="A1044" s="6">
        <v>1043</v>
      </c>
      <c r="B1044" s="6" t="s">
        <v>3026</v>
      </c>
      <c r="C1044" s="6" t="s">
        <v>3027</v>
      </c>
      <c r="D1044" s="6"/>
      <c r="E1044" s="6"/>
      <c r="F1044" s="6"/>
      <c r="G1044" s="9">
        <v>1091</v>
      </c>
      <c r="H1044" s="13">
        <v>44951</v>
      </c>
      <c r="I1044" s="3"/>
    </row>
    <row r="1045" spans="1:9" x14ac:dyDescent="0.15">
      <c r="A1045" s="6">
        <v>1044</v>
      </c>
      <c r="B1045" s="6" t="s">
        <v>3028</v>
      </c>
      <c r="C1045" s="6" t="s">
        <v>3029</v>
      </c>
      <c r="D1045" s="6"/>
      <c r="E1045" s="6"/>
      <c r="F1045" s="6"/>
      <c r="G1045" s="9">
        <v>1092</v>
      </c>
      <c r="H1045" s="13">
        <v>44976</v>
      </c>
      <c r="I1045" s="3"/>
    </row>
    <row r="1046" spans="1:9" x14ac:dyDescent="0.15">
      <c r="A1046" s="6">
        <v>1045</v>
      </c>
      <c r="B1046" s="6" t="s">
        <v>3036</v>
      </c>
      <c r="C1046" s="6" t="s">
        <v>3030</v>
      </c>
      <c r="D1046" s="6"/>
      <c r="E1046" s="6" t="s">
        <v>3031</v>
      </c>
      <c r="F1046" s="6" t="s">
        <v>3032</v>
      </c>
      <c r="G1046" s="14">
        <v>1093</v>
      </c>
      <c r="H1046" s="13">
        <v>45352</v>
      </c>
      <c r="I1046" s="3"/>
    </row>
    <row r="1047" spans="1:9" x14ac:dyDescent="0.15">
      <c r="A1047" s="6">
        <v>1046</v>
      </c>
      <c r="B1047" s="6" t="s">
        <v>3033</v>
      </c>
      <c r="C1047" s="6" t="s">
        <v>3034</v>
      </c>
      <c r="D1047" s="6" t="s">
        <v>3035</v>
      </c>
      <c r="E1047" s="6"/>
      <c r="F1047" s="6"/>
      <c r="G1047" s="14">
        <v>1094</v>
      </c>
      <c r="H1047" s="13">
        <v>45354</v>
      </c>
      <c r="I1047" s="3"/>
    </row>
  </sheetData>
  <mergeCells count="1">
    <mergeCell ref="C1:D1"/>
  </mergeCells>
  <phoneticPr fontId="1"/>
  <conditionalFormatting sqref="G934:G974 G1024 H934:H1047 B934:F1047 I1044:I1047 B2:H933 B1:C1 E1:H1">
    <cfRule type="expression" priority="7">
      <formula>if</formula>
    </cfRule>
  </conditionalFormatting>
  <pageMargins left="0.25" right="0.25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美容所</vt:lpstr>
    </vt:vector>
  </TitlesOfParts>
  <Company>Microsoft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玉扶持　春実</dc:creator>
  <cp:lastModifiedBy>戸田　賀子</cp:lastModifiedBy>
  <cp:lastPrinted>2024-03-04T04:48:29Z</cp:lastPrinted>
  <dcterms:created xsi:type="dcterms:W3CDTF">2020-02-20T00:38:11Z</dcterms:created>
  <dcterms:modified xsi:type="dcterms:W3CDTF">2024-03-04T07:34:58Z</dcterms:modified>
</cp:coreProperties>
</file>